
<file path=[Content_Types].xml><?xml version="1.0" encoding="utf-8"?>
<Types xmlns="http://schemas.openxmlformats.org/package/2006/content-types">
  <Default Extension="gif" ContentType="image/gif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4" r:id="rId2"/>
  </p:sldMasterIdLst>
  <p:notesMasterIdLst>
    <p:notesMasterId r:id="rId21"/>
  </p:notesMasterIdLst>
  <p:sldIdLst>
    <p:sldId id="256" r:id="rId3"/>
    <p:sldId id="257" r:id="rId4"/>
    <p:sldId id="258" r:id="rId5"/>
    <p:sldId id="260" r:id="rId6"/>
    <p:sldId id="259" r:id="rId7"/>
    <p:sldId id="276" r:id="rId8"/>
    <p:sldId id="282" r:id="rId9"/>
    <p:sldId id="279" r:id="rId10"/>
    <p:sldId id="280" r:id="rId11"/>
    <p:sldId id="281" r:id="rId12"/>
    <p:sldId id="264" r:id="rId13"/>
    <p:sldId id="262" r:id="rId14"/>
    <p:sldId id="263" r:id="rId15"/>
    <p:sldId id="265" r:id="rId16"/>
    <p:sldId id="275" r:id="rId17"/>
    <p:sldId id="278" r:id="rId18"/>
    <p:sldId id="272" r:id="rId19"/>
    <p:sldId id="273" r:id="rId2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2AD0EB9-AE22-441A-A696-9070B00F63DF}" v="66" dt="2019-05-02T14:35:03.282"/>
  </p1510:revLst>
</p1510:revInfo>
</file>

<file path=ppt/tableStyles.xml><?xml version="1.0" encoding="utf-8"?>
<a:tblStyleLst xmlns:a="http://schemas.openxmlformats.org/drawingml/2006/main" def="{5C22544A-7EE6-4342-B048-85BDC9FD1C3A}"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5" d="100"/>
          <a:sy n="85" d="100"/>
        </p:scale>
        <p:origin x="126" y="73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microsoft.com/office/2016/11/relationships/changesInfo" Target="changesInfos/changesInfo1.xml"/><Relationship Id="rId3" Type="http://schemas.openxmlformats.org/officeDocument/2006/relationships/slide" Target="slides/slide1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niamin Bia" userId="39a36cc4-1692-4dc2-a02c-9c9ee3cd7a9f" providerId="ADAL" clId="{B2AD0EB9-AE22-441A-A696-9070B00F63DF}"/>
    <pc:docChg chg="undo redo custSel mod addSld delSld modSld sldOrd">
      <pc:chgData name="Beniamin Bia" userId="39a36cc4-1692-4dc2-a02c-9c9ee3cd7a9f" providerId="ADAL" clId="{B2AD0EB9-AE22-441A-A696-9070B00F63DF}" dt="2019-05-02T14:36:27.630" v="842" actId="14100"/>
      <pc:docMkLst>
        <pc:docMk/>
      </pc:docMkLst>
      <pc:sldChg chg="addSp modSp">
        <pc:chgData name="Beniamin Bia" userId="39a36cc4-1692-4dc2-a02c-9c9ee3cd7a9f" providerId="ADAL" clId="{B2AD0EB9-AE22-441A-A696-9070B00F63DF}" dt="2019-05-02T11:15:24.760" v="224" actId="1076"/>
        <pc:sldMkLst>
          <pc:docMk/>
          <pc:sldMk cId="2033026036" sldId="256"/>
        </pc:sldMkLst>
        <pc:spChg chg="add mod">
          <ac:chgData name="Beniamin Bia" userId="39a36cc4-1692-4dc2-a02c-9c9ee3cd7a9f" providerId="ADAL" clId="{B2AD0EB9-AE22-441A-A696-9070B00F63DF}" dt="2019-05-02T11:15:24.760" v="224" actId="1076"/>
          <ac:spMkLst>
            <pc:docMk/>
            <pc:sldMk cId="2033026036" sldId="256"/>
            <ac:spMk id="5" creationId="{BEA555A9-50B1-4B01-B4B4-A2496DD75DBD}"/>
          </ac:spMkLst>
        </pc:spChg>
      </pc:sldChg>
      <pc:sldChg chg="addSp delSp modSp mod setBg">
        <pc:chgData name="Beniamin Bia" userId="39a36cc4-1692-4dc2-a02c-9c9ee3cd7a9f" providerId="ADAL" clId="{B2AD0EB9-AE22-441A-A696-9070B00F63DF}" dt="2019-05-02T11:37:44.637" v="501" actId="26606"/>
        <pc:sldMkLst>
          <pc:docMk/>
          <pc:sldMk cId="863431882" sldId="257"/>
        </pc:sldMkLst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2" creationId="{3D5C5D1E-D716-4915-8E78-48DC710F0F4D}"/>
          </ac:spMkLst>
        </pc:spChg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3" creationId="{FB0F5CCD-DD6E-4723-BB75-67178DDA4590}"/>
          </ac:spMkLst>
        </pc:spChg>
        <pc:picChg chg="add mod">
          <ac:chgData name="Beniamin Bia" userId="39a36cc4-1692-4dc2-a02c-9c9ee3cd7a9f" providerId="ADAL" clId="{B2AD0EB9-AE22-441A-A696-9070B00F63DF}" dt="2019-05-02T11:37:44.637" v="501" actId="26606"/>
          <ac:picMkLst>
            <pc:docMk/>
            <pc:sldMk cId="863431882" sldId="257"/>
            <ac:picMk id="5" creationId="{29A4DDBA-8DD4-458D-8DC3-AA159E930A38}"/>
          </ac:picMkLst>
        </pc:picChg>
        <pc:cxnChg chg="add del">
          <ac:chgData name="Beniamin Bia" userId="39a36cc4-1692-4dc2-a02c-9c9ee3cd7a9f" providerId="ADAL" clId="{B2AD0EB9-AE22-441A-A696-9070B00F63DF}" dt="2019-05-02T11:37:44.637" v="501" actId="26606"/>
          <ac:cxnSpMkLst>
            <pc:docMk/>
            <pc:sldMk cId="863431882" sldId="257"/>
            <ac:cxnSpMk id="10" creationId="{E4A809D5-3600-46D4-A466-67F2349A54FB}"/>
          </ac:cxnSpMkLst>
        </pc:cxnChg>
      </pc:sldChg>
      <pc:sldChg chg="delSp modSp">
        <pc:chgData name="Beniamin Bia" userId="39a36cc4-1692-4dc2-a02c-9c9ee3cd7a9f" providerId="ADAL" clId="{B2AD0EB9-AE22-441A-A696-9070B00F63DF}" dt="2019-05-02T11:39:21.265" v="528" actId="1076"/>
        <pc:sldMkLst>
          <pc:docMk/>
          <pc:sldMk cId="84575485" sldId="258"/>
        </pc:sldMkLst>
        <pc:spChg chg="mod">
          <ac:chgData name="Beniamin Bia" userId="39a36cc4-1692-4dc2-a02c-9c9ee3cd7a9f" providerId="ADAL" clId="{B2AD0EB9-AE22-441A-A696-9070B00F63DF}" dt="2019-05-02T11:39:21.265" v="528" actId="1076"/>
          <ac:spMkLst>
            <pc:docMk/>
            <pc:sldMk cId="84575485" sldId="258"/>
            <ac:spMk id="2" creationId="{5989B662-E084-45BA-87FF-8591E6B60CD5}"/>
          </ac:spMkLst>
        </pc:spChg>
        <pc:spChg chg="mod">
          <ac:chgData name="Beniamin Bia" userId="39a36cc4-1692-4dc2-a02c-9c9ee3cd7a9f" providerId="ADAL" clId="{B2AD0EB9-AE22-441A-A696-9070B00F63DF}" dt="2019-05-02T11:39:10.944" v="526" actId="1076"/>
          <ac:spMkLst>
            <pc:docMk/>
            <pc:sldMk cId="84575485" sldId="258"/>
            <ac:spMk id="3" creationId="{8B4B20DD-2A16-415A-AF0D-CD674C3C9D63}"/>
          </ac:spMkLst>
        </pc:spChg>
        <pc:spChg chg="mod">
          <ac:chgData name="Beniamin Bia" userId="39a36cc4-1692-4dc2-a02c-9c9ee3cd7a9f" providerId="ADAL" clId="{B2AD0EB9-AE22-441A-A696-9070B00F63DF}" dt="2019-05-02T11:39:08.424" v="525" actId="1076"/>
          <ac:spMkLst>
            <pc:docMk/>
            <pc:sldMk cId="84575485" sldId="258"/>
            <ac:spMk id="10" creationId="{E910CEB6-5D5C-42B4-9473-07E968760E8D}"/>
          </ac:spMkLst>
        </pc:spChg>
        <pc:spChg chg="del mod">
          <ac:chgData name="Beniamin Bia" userId="39a36cc4-1692-4dc2-a02c-9c9ee3cd7a9f" providerId="ADAL" clId="{B2AD0EB9-AE22-441A-A696-9070B00F63DF}" dt="2019-05-02T11:38:49.877" v="516"/>
          <ac:spMkLst>
            <pc:docMk/>
            <pc:sldMk cId="84575485" sldId="258"/>
            <ac:spMk id="13" creationId="{168C38BC-86A1-485C-A9C0-636E26928887}"/>
          </ac:spMkLst>
        </pc:spChg>
        <pc:picChg chg="mod">
          <ac:chgData name="Beniamin Bia" userId="39a36cc4-1692-4dc2-a02c-9c9ee3cd7a9f" providerId="ADAL" clId="{B2AD0EB9-AE22-441A-A696-9070B00F63DF}" dt="2019-05-02T11:39:05.265" v="524" actId="14100"/>
          <ac:picMkLst>
            <pc:docMk/>
            <pc:sldMk cId="84575485" sldId="258"/>
            <ac:picMk id="5" creationId="{3A3A76ED-EA23-4143-B4D3-2AEB34A07637}"/>
          </ac:picMkLst>
        </pc:picChg>
        <pc:picChg chg="mod">
          <ac:chgData name="Beniamin Bia" userId="39a36cc4-1692-4dc2-a02c-9c9ee3cd7a9f" providerId="ADAL" clId="{B2AD0EB9-AE22-441A-A696-9070B00F63DF}" dt="2019-05-02T11:39:00.570" v="521" actId="14100"/>
          <ac:picMkLst>
            <pc:docMk/>
            <pc:sldMk cId="84575485" sldId="258"/>
            <ac:picMk id="7" creationId="{AF4C2251-0A78-49C5-95EE-9F2CF078A514}"/>
          </ac:picMkLst>
        </pc:picChg>
        <pc:picChg chg="del mod">
          <ac:chgData name="Beniamin Bia" userId="39a36cc4-1692-4dc2-a02c-9c9ee3cd7a9f" providerId="ADAL" clId="{B2AD0EB9-AE22-441A-A696-9070B00F63DF}" dt="2019-05-02T11:38:49.877" v="516"/>
          <ac:picMkLst>
            <pc:docMk/>
            <pc:sldMk cId="84575485" sldId="258"/>
            <ac:picMk id="12" creationId="{285C7427-10C3-471B-974C-35787B953586}"/>
          </ac:picMkLst>
        </pc:picChg>
      </pc:sldChg>
      <pc:sldChg chg="modSp">
        <pc:chgData name="Beniamin Bia" userId="39a36cc4-1692-4dc2-a02c-9c9ee3cd7a9f" providerId="ADAL" clId="{B2AD0EB9-AE22-441A-A696-9070B00F63DF}" dt="2019-05-02T14:34:43.086" v="665" actId="20577"/>
        <pc:sldMkLst>
          <pc:docMk/>
          <pc:sldMk cId="3684847218" sldId="259"/>
        </pc:sldMkLst>
        <pc:spChg chg="mod">
          <ac:chgData name="Beniamin Bia" userId="39a36cc4-1692-4dc2-a02c-9c9ee3cd7a9f" providerId="ADAL" clId="{B2AD0EB9-AE22-441A-A696-9070B00F63DF}" dt="2019-05-02T11:40:27.860" v="546" actId="6549"/>
          <ac:spMkLst>
            <pc:docMk/>
            <pc:sldMk cId="3684847218" sldId="259"/>
            <ac:spMk id="2" creationId="{3C3B8ED6-7A77-468E-AD2A-F954EFFDA0B3}"/>
          </ac:spMkLst>
        </pc:spChg>
        <pc:spChg chg="mod">
          <ac:chgData name="Beniamin Bia" userId="39a36cc4-1692-4dc2-a02c-9c9ee3cd7a9f" providerId="ADAL" clId="{B2AD0EB9-AE22-441A-A696-9070B00F63DF}" dt="2019-05-02T14:34:43.086" v="665" actId="20577"/>
          <ac:spMkLst>
            <pc:docMk/>
            <pc:sldMk cId="3684847218" sldId="259"/>
            <ac:spMk id="3" creationId="{E698581C-33B9-45D8-99AC-6C482FCE51AC}"/>
          </ac:spMkLst>
        </pc:spChg>
      </pc:sldChg>
      <pc:sldChg chg="addSp delSp modSp add">
        <pc:chgData name="Beniamin Bia" userId="39a36cc4-1692-4dc2-a02c-9c9ee3cd7a9f" providerId="ADAL" clId="{B2AD0EB9-AE22-441A-A696-9070B00F63DF}" dt="2019-05-02T11:40:16.456" v="545" actId="1076"/>
        <pc:sldMkLst>
          <pc:docMk/>
          <pc:sldMk cId="3111679288" sldId="260"/>
        </pc:sldMkLst>
        <pc:spChg chg="del">
          <ac:chgData name="Beniamin Bia" userId="39a36cc4-1692-4dc2-a02c-9c9ee3cd7a9f" providerId="ADAL" clId="{B2AD0EB9-AE22-441A-A696-9070B00F63DF}" dt="2019-05-02T11:39:18.093" v="527" actId="478"/>
          <ac:spMkLst>
            <pc:docMk/>
            <pc:sldMk cId="3111679288" sldId="260"/>
            <ac:spMk id="2" creationId="{84769392-1A11-4567-B13C-2A1BA037AD52}"/>
          </ac:spMkLst>
        </pc:spChg>
        <pc:spChg chg="mod">
          <ac:chgData name="Beniamin Bia" userId="39a36cc4-1692-4dc2-a02c-9c9ee3cd7a9f" providerId="ADAL" clId="{B2AD0EB9-AE22-441A-A696-9070B00F63DF}" dt="2019-05-02T11:40:16.456" v="545" actId="1076"/>
          <ac:spMkLst>
            <pc:docMk/>
            <pc:sldMk cId="3111679288" sldId="260"/>
            <ac:spMk id="3" creationId="{896F31DC-970D-4C37-9033-4640E1D1EB07}"/>
          </ac:spMkLst>
        </pc:spChg>
        <pc:spChg chg="add mod">
          <ac:chgData name="Beniamin Bia" userId="39a36cc4-1692-4dc2-a02c-9c9ee3cd7a9f" providerId="ADAL" clId="{B2AD0EB9-AE22-441A-A696-9070B00F63DF}" dt="2019-05-02T11:40:06.223" v="541" actId="1076"/>
          <ac:spMkLst>
            <pc:docMk/>
            <pc:sldMk cId="3111679288" sldId="260"/>
            <ac:spMk id="7" creationId="{5AB79883-1591-4D47-BB4A-6F171878FDA8}"/>
          </ac:spMkLst>
        </pc:spChg>
        <pc:spChg chg="add mod">
          <ac:chgData name="Beniamin Bia" userId="39a36cc4-1692-4dc2-a02c-9c9ee3cd7a9f" providerId="ADAL" clId="{B2AD0EB9-AE22-441A-A696-9070B00F63DF}" dt="2019-05-02T11:39:24.561" v="530" actId="1076"/>
          <ac:spMkLst>
            <pc:docMk/>
            <pc:sldMk cId="3111679288" sldId="260"/>
            <ac:spMk id="8" creationId="{CE618032-DC99-412B-8FDC-636042799FF6}"/>
          </ac:spMkLst>
        </pc:spChg>
        <pc:picChg chg="add mod">
          <ac:chgData name="Beniamin Bia" userId="39a36cc4-1692-4dc2-a02c-9c9ee3cd7a9f" providerId="ADAL" clId="{B2AD0EB9-AE22-441A-A696-9070B00F63DF}" dt="2019-05-02T11:40:09.289" v="542" actId="14100"/>
          <ac:picMkLst>
            <pc:docMk/>
            <pc:sldMk cId="3111679288" sldId="260"/>
            <ac:picMk id="5" creationId="{D3865C4C-3064-4747-947A-713DFA69BB74}"/>
          </ac:picMkLst>
        </pc:picChg>
        <pc:picChg chg="add mod modCrop">
          <ac:chgData name="Beniamin Bia" userId="39a36cc4-1692-4dc2-a02c-9c9ee3cd7a9f" providerId="ADAL" clId="{B2AD0EB9-AE22-441A-A696-9070B00F63DF}" dt="2019-05-02T11:40:03.620" v="540" actId="14100"/>
          <ac:picMkLst>
            <pc:docMk/>
            <pc:sldMk cId="3111679288" sldId="260"/>
            <ac:picMk id="6" creationId="{2990C06F-3C18-4CDF-9641-AAB9F8E56E83}"/>
          </ac:picMkLst>
        </pc:picChg>
      </pc:sldChg>
      <pc:sldChg chg="addSp delSp modSp add del">
        <pc:chgData name="Beniamin Bia" userId="39a36cc4-1692-4dc2-a02c-9c9ee3cd7a9f" providerId="ADAL" clId="{B2AD0EB9-AE22-441A-A696-9070B00F63DF}" dt="2019-05-02T11:16:48.608" v="241" actId="2696"/>
        <pc:sldMkLst>
          <pc:docMk/>
          <pc:sldMk cId="91213414" sldId="261"/>
        </pc:sldMkLst>
        <pc:spChg chg="del">
          <ac:chgData name="Beniamin Bia" userId="39a36cc4-1692-4dc2-a02c-9c9ee3cd7a9f" providerId="ADAL" clId="{B2AD0EB9-AE22-441A-A696-9070B00F63DF}" dt="2019-05-02T10:57:19.113" v="69" actId="478"/>
          <ac:spMkLst>
            <pc:docMk/>
            <pc:sldMk cId="91213414" sldId="261"/>
            <ac:spMk id="2" creationId="{22578E22-1126-49C7-98B3-CB7D015E0B72}"/>
          </ac:spMkLst>
        </pc:spChg>
        <pc:spChg chg="del">
          <ac:chgData name="Beniamin Bia" userId="39a36cc4-1692-4dc2-a02c-9c9ee3cd7a9f" providerId="ADAL" clId="{B2AD0EB9-AE22-441A-A696-9070B00F63DF}" dt="2019-05-02T10:57:18.295" v="68" actId="478"/>
          <ac:spMkLst>
            <pc:docMk/>
            <pc:sldMk cId="91213414" sldId="261"/>
            <ac:spMk id="3" creationId="{5DB78F15-FBE6-4FFB-854C-BC7AE363D463}"/>
          </ac:spMkLst>
        </pc:spChg>
        <pc:picChg chg="add del mod">
          <ac:chgData name="Beniamin Bia" userId="39a36cc4-1692-4dc2-a02c-9c9ee3cd7a9f" providerId="ADAL" clId="{B2AD0EB9-AE22-441A-A696-9070B00F63DF}" dt="2019-05-02T11:09:11.183" v="97"/>
          <ac:picMkLst>
            <pc:docMk/>
            <pc:sldMk cId="91213414" sldId="261"/>
            <ac:picMk id="4" creationId="{C00B636A-534D-4D9E-9F6A-88ED56AA08E9}"/>
          </ac:picMkLst>
        </pc:picChg>
      </pc:sldChg>
      <pc:sldChg chg="addSp delSp modSp add mod">
        <pc:chgData name="Beniamin Bia" userId="39a36cc4-1692-4dc2-a02c-9c9ee3cd7a9f" providerId="ADAL" clId="{B2AD0EB9-AE22-441A-A696-9070B00F63DF}" dt="2019-05-02T11:41:46.145" v="548" actId="14100"/>
        <pc:sldMkLst>
          <pc:docMk/>
          <pc:sldMk cId="2925966152" sldId="262"/>
        </pc:sldMkLst>
        <pc:spChg chg="del">
          <ac:chgData name="Beniamin Bia" userId="39a36cc4-1692-4dc2-a02c-9c9ee3cd7a9f" providerId="ADAL" clId="{B2AD0EB9-AE22-441A-A696-9070B00F63DF}" dt="2019-05-02T10:57:38.039" v="73" actId="478"/>
          <ac:spMkLst>
            <pc:docMk/>
            <pc:sldMk cId="2925966152" sldId="262"/>
            <ac:spMk id="2" creationId="{92EEF967-3B09-4962-A684-7CD6CB460396}"/>
          </ac:spMkLst>
        </pc:spChg>
        <pc:spChg chg="del">
          <ac:chgData name="Beniamin Bia" userId="39a36cc4-1692-4dc2-a02c-9c9ee3cd7a9f" providerId="ADAL" clId="{B2AD0EB9-AE22-441A-A696-9070B00F63DF}" dt="2019-05-02T10:57:37.318" v="72" actId="478"/>
          <ac:spMkLst>
            <pc:docMk/>
            <pc:sldMk cId="2925966152" sldId="262"/>
            <ac:spMk id="3" creationId="{8A4F3A38-DB48-4729-AE6A-E153503FB69C}"/>
          </ac:spMkLst>
        </pc:spChg>
        <pc:spChg chg="add mod">
          <ac:chgData name="Beniamin Bia" userId="39a36cc4-1692-4dc2-a02c-9c9ee3cd7a9f" providerId="ADAL" clId="{B2AD0EB9-AE22-441A-A696-9070B00F63DF}" dt="2019-05-02T10:57:41.491" v="75" actId="1076"/>
          <ac:spMkLst>
            <pc:docMk/>
            <pc:sldMk cId="2925966152" sldId="262"/>
            <ac:spMk id="4" creationId="{B63096D4-385F-4F3F-B6AE-DCE3A80D22D1}"/>
          </ac:spMkLst>
        </pc:spChg>
        <pc:spChg chg="add mod">
          <ac:chgData name="Beniamin Bia" userId="39a36cc4-1692-4dc2-a02c-9c9ee3cd7a9f" providerId="ADAL" clId="{B2AD0EB9-AE22-441A-A696-9070B00F63DF}" dt="2019-05-02T11:17:10.608" v="246" actId="1076"/>
          <ac:spMkLst>
            <pc:docMk/>
            <pc:sldMk cId="2925966152" sldId="262"/>
            <ac:spMk id="9" creationId="{82EFAA2C-4A53-4907-8DDA-631BB2ED242C}"/>
          </ac:spMkLst>
        </pc:spChg>
        <pc:spChg chg="add mod">
          <ac:chgData name="Beniamin Bia" userId="39a36cc4-1692-4dc2-a02c-9c9ee3cd7a9f" providerId="ADAL" clId="{B2AD0EB9-AE22-441A-A696-9070B00F63DF}" dt="2019-05-02T11:17:27.522" v="249" actId="1076"/>
          <ac:spMkLst>
            <pc:docMk/>
            <pc:sldMk cId="2925966152" sldId="262"/>
            <ac:spMk id="10" creationId="{1913BE1A-CF93-4AB1-8ED0-8383CECCFFBE}"/>
          </ac:spMkLst>
        </pc:spChg>
        <pc:graphicFrameChg chg="add mod">
          <ac:chgData name="Beniamin Bia" userId="39a36cc4-1692-4dc2-a02c-9c9ee3cd7a9f" providerId="ADAL" clId="{B2AD0EB9-AE22-441A-A696-9070B00F63DF}" dt="2019-05-02T10:57:41.491" v="75" actId="1076"/>
          <ac:graphicFrameMkLst>
            <pc:docMk/>
            <pc:sldMk cId="2925966152" sldId="262"/>
            <ac:graphicFrameMk id="5" creationId="{298A9ADB-DDB2-43EE-A554-0831640B75B2}"/>
          </ac:graphicFrameMkLst>
        </pc:graphicFrameChg>
        <pc:graphicFrameChg chg="mod">
          <ac:chgData name="Beniamin Bia" userId="39a36cc4-1692-4dc2-a02c-9c9ee3cd7a9f" providerId="ADAL" clId="{B2AD0EB9-AE22-441A-A696-9070B00F63DF}" dt="2019-05-02T11:17:34.171" v="251" actId="1076"/>
          <ac:graphicFrameMkLst>
            <pc:docMk/>
            <pc:sldMk cId="2925966152" sldId="262"/>
            <ac:graphicFrameMk id="6" creationId="{298A9ADB-DDB2-43EE-A554-0831640B75B2}"/>
          </ac:graphicFrameMkLst>
        </pc:graphicFrameChg>
        <pc:graphicFrameChg chg="add mod">
          <ac:chgData name="Beniamin Bia" userId="39a36cc4-1692-4dc2-a02c-9c9ee3cd7a9f" providerId="ADAL" clId="{B2AD0EB9-AE22-441A-A696-9070B00F63DF}" dt="2019-05-02T11:41:46.145" v="548" actId="14100"/>
          <ac:graphicFrameMkLst>
            <pc:docMk/>
            <pc:sldMk cId="2925966152" sldId="262"/>
            <ac:graphicFrameMk id="11" creationId="{9EDCBDF1-FE0D-42EB-90F1-BE3F5C14F82A}"/>
          </ac:graphicFrameMkLst>
        </pc:graphicFrameChg>
        <pc:picChg chg="add del mod">
          <ac:chgData name="Beniamin Bia" userId="39a36cc4-1692-4dc2-a02c-9c9ee3cd7a9f" providerId="ADAL" clId="{B2AD0EB9-AE22-441A-A696-9070B00F63DF}" dt="2019-05-02T11:17:05.633" v="243"/>
          <ac:picMkLst>
            <pc:docMk/>
            <pc:sldMk cId="2925966152" sldId="262"/>
            <ac:picMk id="8" creationId="{C0766EBC-D066-4F11-8F5E-285BC2261137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1:19:34.713" v="292" actId="20577"/>
        <pc:sldMkLst>
          <pc:docMk/>
          <pc:sldMk cId="609712020" sldId="263"/>
        </pc:sldMkLst>
        <pc:spChg chg="del">
          <ac:chgData name="Beniamin Bia" userId="39a36cc4-1692-4dc2-a02c-9c9ee3cd7a9f" providerId="ADAL" clId="{B2AD0EB9-AE22-441A-A696-9070B00F63DF}" dt="2019-05-02T11:17:44.326" v="252" actId="478"/>
          <ac:spMkLst>
            <pc:docMk/>
            <pc:sldMk cId="609712020" sldId="263"/>
            <ac:spMk id="2" creationId="{244C04F1-F9D0-408B-802B-6D3D4DADD988}"/>
          </ac:spMkLst>
        </pc:spChg>
        <pc:spChg chg="del">
          <ac:chgData name="Beniamin Bia" userId="39a36cc4-1692-4dc2-a02c-9c9ee3cd7a9f" providerId="ADAL" clId="{B2AD0EB9-AE22-441A-A696-9070B00F63DF}" dt="2019-05-02T11:08:06.645" v="85"/>
          <ac:spMkLst>
            <pc:docMk/>
            <pc:sldMk cId="609712020" sldId="263"/>
            <ac:spMk id="3" creationId="{35982E0C-305D-4595-AB14-6E3C5FDE47B9}"/>
          </ac:spMkLst>
        </pc:spChg>
        <pc:spChg chg="add del">
          <ac:chgData name="Beniamin Bia" userId="39a36cc4-1692-4dc2-a02c-9c9ee3cd7a9f" providerId="ADAL" clId="{B2AD0EB9-AE22-441A-A696-9070B00F63DF}" dt="2019-05-02T11:08:01.895" v="84"/>
          <ac:spMkLst>
            <pc:docMk/>
            <pc:sldMk cId="609712020" sldId="263"/>
            <ac:spMk id="4" creationId="{23822FEE-6B69-42BA-902A-B124BCB0A0C8}"/>
          </ac:spMkLst>
        </pc:spChg>
        <pc:spChg chg="add del mod">
          <ac:chgData name="Beniamin Bia" userId="39a36cc4-1692-4dc2-a02c-9c9ee3cd7a9f" providerId="ADAL" clId="{B2AD0EB9-AE22-441A-A696-9070B00F63DF}" dt="2019-05-02T11:17:46.335" v="253" actId="478"/>
          <ac:spMkLst>
            <pc:docMk/>
            <pc:sldMk cId="609712020" sldId="263"/>
            <ac:spMk id="8" creationId="{24C54045-F1FE-449D-BF31-F89BEDDAB9E0}"/>
          </ac:spMkLst>
        </pc:spChg>
        <pc:spChg chg="add mod">
          <ac:chgData name="Beniamin Bia" userId="39a36cc4-1692-4dc2-a02c-9c9ee3cd7a9f" providerId="ADAL" clId="{B2AD0EB9-AE22-441A-A696-9070B00F63DF}" dt="2019-05-02T11:18:40.113" v="262" actId="14100"/>
          <ac:spMkLst>
            <pc:docMk/>
            <pc:sldMk cId="609712020" sldId="263"/>
            <ac:spMk id="10" creationId="{3E1D97FC-9E03-47C9-A938-DAE038DB4EA8}"/>
          </ac:spMkLst>
        </pc:spChg>
        <pc:graphicFrameChg chg="add del">
          <ac:chgData name="Beniamin Bia" userId="39a36cc4-1692-4dc2-a02c-9c9ee3cd7a9f" providerId="ADAL" clId="{B2AD0EB9-AE22-441A-A696-9070B00F63DF}" dt="2019-05-02T11:08:01.895" v="84"/>
          <ac:graphicFrameMkLst>
            <pc:docMk/>
            <pc:sldMk cId="609712020" sldId="263"/>
            <ac:graphicFrameMk id="5" creationId="{4D058349-9B36-48A4-9039-91DBDE73DA3C}"/>
          </ac:graphicFrameMkLst>
        </pc:graphicFrameChg>
        <pc:graphicFrameChg chg="add del mod">
          <ac:chgData name="Beniamin Bia" userId="39a36cc4-1692-4dc2-a02c-9c9ee3cd7a9f" providerId="ADAL" clId="{B2AD0EB9-AE22-441A-A696-9070B00F63DF}" dt="2019-05-02T11:08:12.912" v="86" actId="478"/>
          <ac:graphicFrameMkLst>
            <pc:docMk/>
            <pc:sldMk cId="609712020" sldId="263"/>
            <ac:graphicFrameMk id="6" creationId="{E9750F14-A31A-4E03-8B9F-9EFC05B2B144}"/>
          </ac:graphicFrameMkLst>
        </pc:graphicFrameChg>
        <pc:graphicFrameChg chg="add mod modGraphic">
          <ac:chgData name="Beniamin Bia" userId="39a36cc4-1692-4dc2-a02c-9c9ee3cd7a9f" providerId="ADAL" clId="{B2AD0EB9-AE22-441A-A696-9070B00F63DF}" dt="2019-05-02T11:19:34.713" v="292" actId="20577"/>
          <ac:graphicFrameMkLst>
            <pc:docMk/>
            <pc:sldMk cId="609712020" sldId="263"/>
            <ac:graphicFrameMk id="9" creationId="{FC89E78F-AD4E-4E1E-BBE6-F6514093E21C}"/>
          </ac:graphicFrameMkLst>
        </pc:graphicFrameChg>
      </pc:sldChg>
      <pc:sldChg chg="addSp delSp modSp add ord">
        <pc:chgData name="Beniamin Bia" userId="39a36cc4-1692-4dc2-a02c-9c9ee3cd7a9f" providerId="ADAL" clId="{B2AD0EB9-AE22-441A-A696-9070B00F63DF}" dt="2019-05-02T14:34:54.036" v="666"/>
        <pc:sldMkLst>
          <pc:docMk/>
          <pc:sldMk cId="2858802405" sldId="264"/>
        </pc:sldMkLst>
        <pc:spChg chg="add del">
          <ac:chgData name="Beniamin Bia" userId="39a36cc4-1692-4dc2-a02c-9c9ee3cd7a9f" providerId="ADAL" clId="{B2AD0EB9-AE22-441A-A696-9070B00F63DF}" dt="2019-05-02T11:09:23.181" v="103" actId="478"/>
          <ac:spMkLst>
            <pc:docMk/>
            <pc:sldMk cId="2858802405" sldId="264"/>
            <ac:spMk id="2" creationId="{F8E45F41-949E-4C3D-BD28-324186805718}"/>
          </ac:spMkLst>
        </pc:spChg>
        <pc:spChg chg="add del">
          <ac:chgData name="Beniamin Bia" userId="39a36cc4-1692-4dc2-a02c-9c9ee3cd7a9f" providerId="ADAL" clId="{B2AD0EB9-AE22-441A-A696-9070B00F63DF}" dt="2019-05-02T11:09:24.924" v="104" actId="478"/>
          <ac:spMkLst>
            <pc:docMk/>
            <pc:sldMk cId="2858802405" sldId="264"/>
            <ac:spMk id="3" creationId="{C014EF98-2BB2-47D2-9AA0-990094E087C8}"/>
          </ac:spMkLst>
        </pc:spChg>
        <pc:spChg chg="add del mod">
          <ac:chgData name="Beniamin Bia" userId="39a36cc4-1692-4dc2-a02c-9c9ee3cd7a9f" providerId="ADAL" clId="{B2AD0EB9-AE22-441A-A696-9070B00F63DF}" dt="2019-05-02T11:09:20.845" v="102" actId="478"/>
          <ac:spMkLst>
            <pc:docMk/>
            <pc:sldMk cId="2858802405" sldId="264"/>
            <ac:spMk id="4" creationId="{0487890B-D624-4054-8F9B-DE20350CC76E}"/>
          </ac:spMkLst>
        </pc:spChg>
        <pc:picChg chg="add mod">
          <ac:chgData name="Beniamin Bia" userId="39a36cc4-1692-4dc2-a02c-9c9ee3cd7a9f" providerId="ADAL" clId="{B2AD0EB9-AE22-441A-A696-9070B00F63DF}" dt="2019-05-02T11:09:27.326" v="106" actId="1076"/>
          <ac:picMkLst>
            <pc:docMk/>
            <pc:sldMk cId="2858802405" sldId="264"/>
            <ac:picMk id="5" creationId="{33B8A97F-F863-46FB-B490-B7168F4421B6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4:36:27.630" v="842" actId="14100"/>
        <pc:sldMkLst>
          <pc:docMk/>
          <pc:sldMk cId="3117824621" sldId="265"/>
        </pc:sldMkLst>
        <pc:spChg chg="del">
          <ac:chgData name="Beniamin Bia" userId="39a36cc4-1692-4dc2-a02c-9c9ee3cd7a9f" providerId="ADAL" clId="{B2AD0EB9-AE22-441A-A696-9070B00F63DF}" dt="2019-05-02T11:11:40.866" v="109" actId="478"/>
          <ac:spMkLst>
            <pc:docMk/>
            <pc:sldMk cId="3117824621" sldId="265"/>
            <ac:spMk id="2" creationId="{F13F0223-DDF6-41F0-976A-9F0BEEC7CD47}"/>
          </ac:spMkLst>
        </pc:spChg>
        <pc:spChg chg="del">
          <ac:chgData name="Beniamin Bia" userId="39a36cc4-1692-4dc2-a02c-9c9ee3cd7a9f" providerId="ADAL" clId="{B2AD0EB9-AE22-441A-A696-9070B00F63DF}" dt="2019-05-02T11:11:42.381" v="110" actId="478"/>
          <ac:spMkLst>
            <pc:docMk/>
            <pc:sldMk cId="3117824621" sldId="265"/>
            <ac:spMk id="3" creationId="{BF516089-BB33-4D0D-A85A-EA9D7AF4858B}"/>
          </ac:spMkLst>
        </pc:spChg>
        <pc:spChg chg="add">
          <ac:chgData name="Beniamin Bia" userId="39a36cc4-1692-4dc2-a02c-9c9ee3cd7a9f" providerId="ADAL" clId="{B2AD0EB9-AE22-441A-A696-9070B00F63DF}" dt="2019-05-02T11:11:39.192" v="108"/>
          <ac:spMkLst>
            <pc:docMk/>
            <pc:sldMk cId="3117824621" sldId="265"/>
            <ac:spMk id="4" creationId="{8A5B6D9B-1EE3-4BA3-8813-987063233BD6}"/>
          </ac:spMkLst>
        </pc:spChg>
        <pc:spChg chg="add mod">
          <ac:chgData name="Beniamin Bia" userId="39a36cc4-1692-4dc2-a02c-9c9ee3cd7a9f" providerId="ADAL" clId="{B2AD0EB9-AE22-441A-A696-9070B00F63DF}" dt="2019-05-02T14:36:27.630" v="842" actId="14100"/>
          <ac:spMkLst>
            <pc:docMk/>
            <pc:sldMk cId="3117824621" sldId="265"/>
            <ac:spMk id="5" creationId="{1AAF1AAD-0206-48FB-89E0-CF8DC7B8EF9F}"/>
          </ac:spMkLst>
        </pc:spChg>
        <pc:picChg chg="add mod">
          <ac:chgData name="Beniamin Bia" userId="39a36cc4-1692-4dc2-a02c-9c9ee3cd7a9f" providerId="ADAL" clId="{B2AD0EB9-AE22-441A-A696-9070B00F63DF}" dt="2019-05-02T14:36:23.418" v="841" actId="1076"/>
          <ac:picMkLst>
            <pc:docMk/>
            <pc:sldMk cId="3117824621" sldId="265"/>
            <ac:picMk id="7" creationId="{36BD15AD-767E-4B92-9BBF-88A68B1D2439}"/>
          </ac:picMkLst>
        </pc:picChg>
      </pc:sldChg>
      <pc:sldChg chg="modSp add">
        <pc:chgData name="Beniamin Bia" userId="39a36cc4-1692-4dc2-a02c-9c9ee3cd7a9f" providerId="ADAL" clId="{B2AD0EB9-AE22-441A-A696-9070B00F63DF}" dt="2019-05-02T11:13:46.877" v="195" actId="20577"/>
        <pc:sldMkLst>
          <pc:docMk/>
          <pc:sldMk cId="0" sldId="272"/>
        </pc:sldMkLst>
        <pc:spChg chg="mod">
          <ac:chgData name="Beniamin Bia" userId="39a36cc4-1692-4dc2-a02c-9c9ee3cd7a9f" providerId="ADAL" clId="{B2AD0EB9-AE22-441A-A696-9070B00F63DF}" dt="2019-05-02T11:13:46.877" v="195" actId="20577"/>
          <ac:spMkLst>
            <pc:docMk/>
            <pc:sldMk cId="0" sldId="272"/>
            <ac:spMk id="330" creationId="{00000000-0000-0000-0000-000000000000}"/>
          </ac:spMkLst>
        </pc:spChg>
      </pc:sldChg>
      <pc:sldChg chg="addSp delSp modSp add setBg">
        <pc:chgData name="Beniamin Bia" userId="39a36cc4-1692-4dc2-a02c-9c9ee3cd7a9f" providerId="ADAL" clId="{B2AD0EB9-AE22-441A-A696-9070B00F63DF}" dt="2019-05-02T14:28:55.102" v="608" actId="1076"/>
        <pc:sldMkLst>
          <pc:docMk/>
          <pc:sldMk cId="0" sldId="273"/>
        </pc:sldMkLst>
        <pc:picChg chg="mod">
          <ac:chgData name="Beniamin Bia" userId="39a36cc4-1692-4dc2-a02c-9c9ee3cd7a9f" providerId="ADAL" clId="{B2AD0EB9-AE22-441A-A696-9070B00F63DF}" dt="2019-05-02T14:27:40.315" v="600" actId="1076"/>
          <ac:picMkLst>
            <pc:docMk/>
            <pc:sldMk cId="0" sldId="273"/>
            <ac:picMk id="3" creationId="{D8C18045-58A6-4944-8C4A-3D7DF2EE7A5C}"/>
          </ac:picMkLst>
        </pc:picChg>
        <pc:picChg chg="add mod modCrop">
          <ac:chgData name="Beniamin Bia" userId="39a36cc4-1692-4dc2-a02c-9c9ee3cd7a9f" providerId="ADAL" clId="{B2AD0EB9-AE22-441A-A696-9070B00F63DF}" dt="2019-05-02T14:27:31.996" v="596" actId="1076"/>
          <ac:picMkLst>
            <pc:docMk/>
            <pc:sldMk cId="0" sldId="273"/>
            <ac:picMk id="4" creationId="{A4D0B99B-F4E7-4415-8547-8C4DCFB7C983}"/>
          </ac:picMkLst>
        </pc:picChg>
        <pc:picChg chg="mod">
          <ac:chgData name="Beniamin Bia" userId="39a36cc4-1692-4dc2-a02c-9c9ee3cd7a9f" providerId="ADAL" clId="{B2AD0EB9-AE22-441A-A696-9070B00F63DF}" dt="2019-05-02T14:27:38.835" v="599" actId="1076"/>
          <ac:picMkLst>
            <pc:docMk/>
            <pc:sldMk cId="0" sldId="273"/>
            <ac:picMk id="341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20.097" v="592" actId="478"/>
          <ac:picMkLst>
            <pc:docMk/>
            <pc:sldMk cId="0" sldId="273"/>
            <ac:picMk id="342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11.997" v="589" actId="478"/>
          <ac:picMkLst>
            <pc:docMk/>
            <pc:sldMk cId="0" sldId="273"/>
            <ac:picMk id="343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0.367" v="595" actId="1076"/>
          <ac:picMkLst>
            <pc:docMk/>
            <pc:sldMk cId="0" sldId="273"/>
            <ac:picMk id="345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4.455" v="597" actId="1076"/>
          <ac:picMkLst>
            <pc:docMk/>
            <pc:sldMk cId="0" sldId="273"/>
            <ac:picMk id="346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5:10.570" v="577" actId="478"/>
          <ac:picMkLst>
            <pc:docMk/>
            <pc:sldMk cId="0" sldId="273"/>
            <ac:picMk id="347" creationId="{00000000-0000-0000-0000-000000000000}"/>
          </ac:picMkLst>
        </pc:picChg>
        <pc:picChg chg="add mod">
          <ac:chgData name="Beniamin Bia" userId="39a36cc4-1692-4dc2-a02c-9c9ee3cd7a9f" providerId="ADAL" clId="{B2AD0EB9-AE22-441A-A696-9070B00F63DF}" dt="2019-05-02T14:28:55.102" v="608" actId="1076"/>
          <ac:picMkLst>
            <pc:docMk/>
            <pc:sldMk cId="0" sldId="273"/>
            <ac:picMk id="3074" creationId="{24135CA6-10F9-4F30-8F16-D23C0E92913F}"/>
          </ac:picMkLst>
        </pc:picChg>
      </pc:sldChg>
      <pc:sldChg chg="modSp add setBg">
        <pc:chgData name="Beniamin Bia" userId="39a36cc4-1692-4dc2-a02c-9c9ee3cd7a9f" providerId="ADAL" clId="{B2AD0EB9-AE22-441A-A696-9070B00F63DF}" dt="2019-05-02T11:42:20.516" v="576" actId="20577"/>
        <pc:sldMkLst>
          <pc:docMk/>
          <pc:sldMk cId="2351804214" sldId="275"/>
        </pc:sldMkLst>
        <pc:spChg chg="mod">
          <ac:chgData name="Beniamin Bia" userId="39a36cc4-1692-4dc2-a02c-9c9ee3cd7a9f" providerId="ADAL" clId="{B2AD0EB9-AE22-441A-A696-9070B00F63DF}" dt="2019-05-02T11:20:53.027" v="320" actId="20577"/>
          <ac:spMkLst>
            <pc:docMk/>
            <pc:sldMk cId="2351804214" sldId="275"/>
            <ac:spMk id="2" creationId="{370EF4E1-1057-4FDB-91CA-946FFF183A34}"/>
          </ac:spMkLst>
        </pc:spChg>
        <pc:spChg chg="mod">
          <ac:chgData name="Beniamin Bia" userId="39a36cc4-1692-4dc2-a02c-9c9ee3cd7a9f" providerId="ADAL" clId="{B2AD0EB9-AE22-441A-A696-9070B00F63DF}" dt="2019-05-02T11:21:02.797" v="345" actId="20577"/>
          <ac:spMkLst>
            <pc:docMk/>
            <pc:sldMk cId="2351804214" sldId="275"/>
            <ac:spMk id="5" creationId="{1E3A4B60-F588-4A55-B2EF-E13E306433EC}"/>
          </ac:spMkLst>
        </pc:spChg>
        <pc:spChg chg="mod">
          <ac:chgData name="Beniamin Bia" userId="39a36cc4-1692-4dc2-a02c-9c9ee3cd7a9f" providerId="ADAL" clId="{B2AD0EB9-AE22-441A-A696-9070B00F63DF}" dt="2019-05-02T11:21:33.866" v="378" actId="20577"/>
          <ac:spMkLst>
            <pc:docMk/>
            <pc:sldMk cId="2351804214" sldId="275"/>
            <ac:spMk id="6" creationId="{2A767988-7FE7-4CC5-9599-0286E694F1E9}"/>
          </ac:spMkLst>
        </pc:spChg>
        <pc:spChg chg="mod">
          <ac:chgData name="Beniamin Bia" userId="39a36cc4-1692-4dc2-a02c-9c9ee3cd7a9f" providerId="ADAL" clId="{B2AD0EB9-AE22-441A-A696-9070B00F63DF}" dt="2019-05-02T11:21:38.328" v="379" actId="20577"/>
          <ac:spMkLst>
            <pc:docMk/>
            <pc:sldMk cId="2351804214" sldId="275"/>
            <ac:spMk id="7" creationId="{A6C4C56A-850A-4011-8403-8039394C3029}"/>
          </ac:spMkLst>
        </pc:spChg>
        <pc:spChg chg="mod">
          <ac:chgData name="Beniamin Bia" userId="39a36cc4-1692-4dc2-a02c-9c9ee3cd7a9f" providerId="ADAL" clId="{B2AD0EB9-AE22-441A-A696-9070B00F63DF}" dt="2019-05-02T11:42:20.516" v="576" actId="20577"/>
          <ac:spMkLst>
            <pc:docMk/>
            <pc:sldMk cId="2351804214" sldId="275"/>
            <ac:spMk id="8" creationId="{F7582794-6C27-495C-9A85-505590A281A4}"/>
          </ac:spMkLst>
        </pc:spChg>
        <pc:spChg chg="mod">
          <ac:chgData name="Beniamin Bia" userId="39a36cc4-1692-4dc2-a02c-9c9ee3cd7a9f" providerId="ADAL" clId="{B2AD0EB9-AE22-441A-A696-9070B00F63DF}" dt="2019-05-02T11:22:42.120" v="491" actId="20577"/>
          <ac:spMkLst>
            <pc:docMk/>
            <pc:sldMk cId="2351804214" sldId="275"/>
            <ac:spMk id="9" creationId="{B3379F5B-6795-492B-8BC4-3A8628699096}"/>
          </ac:spMkLst>
        </pc:spChg>
        <pc:spChg chg="mod">
          <ac:chgData name="Beniamin Bia" userId="39a36cc4-1692-4dc2-a02c-9c9ee3cd7a9f" providerId="ADAL" clId="{B2AD0EB9-AE22-441A-A696-9070B00F63DF}" dt="2019-05-02T11:22:26.616" v="471" actId="14100"/>
          <ac:spMkLst>
            <pc:docMk/>
            <pc:sldMk cId="2351804214" sldId="275"/>
            <ac:spMk id="10" creationId="{461211F3-A10F-49D0-9266-E864127C95E3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1" creationId="{690C2D9E-661C-4445-965E-5EA2500A9D2C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2" creationId="{880BCA48-F66B-4DD2-8549-D9CB87C033F9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3" creationId="{42374313-3A0B-4FF3-8BD0-C2B2E73F689E}"/>
          </ac:spMkLst>
        </pc:sp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4" creationId="{86BA119B-B391-4593-BB7D-64D021D604C0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6" creationId="{4815F62A-9250-4545-8DD4-E2097444895B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8" creationId="{1DE59C25-4429-4FD8-9C2D-00D708CA4F8F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0" creationId="{ECB27ED9-1CC9-4E31-91D5-96879F28EFA8}"/>
          </ac:cxnSpMkLst>
        </pc:cxnChg>
        <pc:cxnChg chg="mod">
          <ac:chgData name="Beniamin Bia" userId="39a36cc4-1692-4dc2-a02c-9c9ee3cd7a9f" providerId="ADAL" clId="{B2AD0EB9-AE22-441A-A696-9070B00F63DF}" dt="2019-05-02T11:22:31.490" v="474" actId="14100"/>
          <ac:cxnSpMkLst>
            <pc:docMk/>
            <pc:sldMk cId="2351804214" sldId="275"/>
            <ac:cxnSpMk id="21" creationId="{50E2027E-0800-44C3-AE09-DF6DF14F96D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2" creationId="{9C1A1584-BB2B-462E-95B2-E849B49F77CE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3" creationId="{67ED4F9F-3F8D-4E13-BF8A-EE27B1881035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4" creationId="{2F28235C-10B7-4278-B80B-0DCC5E4E413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5" creationId="{1C4A855F-5C3A-4E1F-9314-4EFEB772BA61}"/>
          </ac:cxnSpMkLst>
        </pc:cxnChg>
      </pc:sldChg>
      <pc:sldChg chg="modSp add">
        <pc:chgData name="Beniamin Bia" userId="39a36cc4-1692-4dc2-a02c-9c9ee3cd7a9f" providerId="ADAL" clId="{B2AD0EB9-AE22-441A-A696-9070B00F63DF}" dt="2019-05-02T14:36:07.830" v="839" actId="6549"/>
        <pc:sldMkLst>
          <pc:docMk/>
          <pc:sldMk cId="2316292373" sldId="276"/>
        </pc:sldMkLst>
        <pc:spChg chg="mod">
          <ac:chgData name="Beniamin Bia" userId="39a36cc4-1692-4dc2-a02c-9c9ee3cd7a9f" providerId="ADAL" clId="{B2AD0EB9-AE22-441A-A696-9070B00F63DF}" dt="2019-05-02T14:35:07.534" v="679" actId="20577"/>
          <ac:spMkLst>
            <pc:docMk/>
            <pc:sldMk cId="2316292373" sldId="276"/>
            <ac:spMk id="2" creationId="{07C69651-1667-4901-A9C9-8B514D69777E}"/>
          </ac:spMkLst>
        </pc:spChg>
        <pc:spChg chg="mod">
          <ac:chgData name="Beniamin Bia" userId="39a36cc4-1692-4dc2-a02c-9c9ee3cd7a9f" providerId="ADAL" clId="{B2AD0EB9-AE22-441A-A696-9070B00F63DF}" dt="2019-05-02T14:36:07.830" v="839" actId="6549"/>
          <ac:spMkLst>
            <pc:docMk/>
            <pc:sldMk cId="2316292373" sldId="276"/>
            <ac:spMk id="3" creationId="{D48D18A9-2E45-45DD-B1D7-0008564E384F}"/>
          </ac:spMkLst>
        </pc:sp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2.xlsx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5B9-4261-8EB6-628BCEC03C2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5B9-4261-8EB6-628BCEC03C2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 implementation</c:v>
                </c:pt>
              </c:strCache>
            </c:strRef>
          </c:tx>
          <c:spPr>
            <a:solidFill>
              <a:srgbClr val="4472C4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34.4</c:v>
                </c:pt>
                <c:pt idx="1">
                  <c:v>36.9</c:v>
                </c:pt>
                <c:pt idx="2">
                  <c:v>39.369999999999997</c:v>
                </c:pt>
                <c:pt idx="3">
                  <c:v>39.369999999999997</c:v>
                </c:pt>
                <c:pt idx="4">
                  <c:v>42.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9DB-452F-9875-C2215B789E89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 implementation</c:v>
                </c:pt>
              </c:strCache>
            </c:strRef>
          </c:tx>
          <c:spPr>
            <a:solidFill>
              <a:srgbClr val="ED7D31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17.2</c:v>
                </c:pt>
                <c:pt idx="1">
                  <c:v>21.8</c:v>
                </c:pt>
                <c:pt idx="2">
                  <c:v>0.87749999999999995</c:v>
                </c:pt>
                <c:pt idx="3">
                  <c:v>0.87749999999999995</c:v>
                </c:pt>
                <c:pt idx="4">
                  <c:v>4.5975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9DB-452F-9875-C2215B789E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617333359"/>
        <c:axId val="1"/>
      </c:barChart>
      <c:catAx>
        <c:axId val="1617333359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04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b"/>
        <c:majorGridlines>
          <c:spPr>
            <a:ln w="9504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ln w="6336">
            <a:noFill/>
          </a:ln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17333359"/>
        <c:crosses val="autoZero"/>
        <c:crossBetween val="between"/>
      </c:valAx>
      <c:spPr>
        <a:noFill/>
        <a:ln w="25345">
          <a:noFill/>
        </a:ln>
      </c:spPr>
    </c:plotArea>
    <c:legend>
      <c:legendPos val="b"/>
      <c:overlay val="0"/>
      <c:spPr>
        <a:noFill/>
        <a:ln w="25345">
          <a:noFill/>
        </a:ln>
      </c:spPr>
      <c:txPr>
        <a:bodyPr rot="0" spcFirstLastPara="1" vertOverflow="ellipsis" vert="horz" wrap="square" anchor="ctr" anchorCtr="1"/>
        <a:lstStyle/>
        <a:p>
          <a:pPr>
            <a:defRPr sz="1194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04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004-4D47-A6E9-C09D6A76F5C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004-4D47-A6E9-C09D6A76F5C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F69FBD2-4E90-4A03-BBF8-5DB068C6942B}" type="doc">
      <dgm:prSet loTypeId="urn:microsoft.com/office/officeart/2018/5/layout/IconLeaf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3BEB13CE-DA1D-4BAF-BB07-BF0D976B2FBC}">
      <dgm:prSet custT="1"/>
      <dgm:spPr/>
      <dgm:t>
        <a:bodyPr/>
        <a:lstStyle/>
        <a:p>
          <a:pPr>
            <a:defRPr cap="all"/>
          </a:pPr>
          <a:r>
            <a:rPr lang="en-US" sz="1600" dirty="0"/>
            <a:t>British Prime Minister Margaret Thatcher used this to identify the internal informer</a:t>
          </a:r>
        </a:p>
      </dgm:t>
    </dgm:pt>
    <dgm:pt modelId="{4B28CC53-C916-41BF-8D79-21EC59C7ED6B}" type="parTrans" cxnId="{C5B8A84F-91D5-488B-BB33-E30232A9543F}">
      <dgm:prSet/>
      <dgm:spPr/>
      <dgm:t>
        <a:bodyPr/>
        <a:lstStyle/>
        <a:p>
          <a:endParaRPr lang="en-US"/>
        </a:p>
      </dgm:t>
    </dgm:pt>
    <dgm:pt modelId="{8B0A2DEF-C152-48DB-8427-A6EEA7CF8561}" type="sibTrans" cxnId="{C5B8A84F-91D5-488B-BB33-E30232A9543F}">
      <dgm:prSet/>
      <dgm:spPr/>
      <dgm:t>
        <a:bodyPr/>
        <a:lstStyle/>
        <a:p>
          <a:endParaRPr lang="en-US"/>
        </a:p>
      </dgm:t>
    </dgm:pt>
    <dgm:pt modelId="{08FF484F-03BD-48AA-808D-86A516758A5D}">
      <dgm:prSet custT="1"/>
      <dgm:spPr/>
      <dgm:t>
        <a:bodyPr/>
        <a:lstStyle/>
        <a:p>
          <a:pPr>
            <a:defRPr cap="all"/>
          </a:pPr>
          <a:r>
            <a:rPr lang="en-US" sz="1600" dirty="0"/>
            <a:t>US and USSR were transmitting information about nuclear facilities on public channels without revealing the receiver location</a:t>
          </a:r>
        </a:p>
      </dgm:t>
    </dgm:pt>
    <dgm:pt modelId="{4619B3D1-7E7B-4422-A198-9AB649B45BE0}" type="parTrans" cxnId="{F17FD01A-6330-4141-8FB0-DE72E10B0A68}">
      <dgm:prSet/>
      <dgm:spPr/>
      <dgm:t>
        <a:bodyPr/>
        <a:lstStyle/>
        <a:p>
          <a:endParaRPr lang="en-US"/>
        </a:p>
      </dgm:t>
    </dgm:pt>
    <dgm:pt modelId="{1F964DA8-7233-4FF9-BB79-F6DBED9AB6EB}" type="sibTrans" cxnId="{F17FD01A-6330-4141-8FB0-DE72E10B0A68}">
      <dgm:prSet/>
      <dgm:spPr/>
      <dgm:t>
        <a:bodyPr/>
        <a:lstStyle/>
        <a:p>
          <a:endParaRPr lang="en-US"/>
        </a:p>
      </dgm:t>
    </dgm:pt>
    <dgm:pt modelId="{E79B3A98-B54B-4513-82C2-202FF8ED3587}">
      <dgm:prSet custT="1"/>
      <dgm:spPr/>
      <dgm:t>
        <a:bodyPr/>
        <a:lstStyle/>
        <a:p>
          <a:pPr>
            <a:defRPr cap="all"/>
          </a:pPr>
          <a:r>
            <a:rPr lang="en-US" sz="1800" dirty="0"/>
            <a:t>You may not be the only one reading your private messages on social media, steganography can stop it</a:t>
          </a:r>
        </a:p>
      </dgm:t>
    </dgm:pt>
    <dgm:pt modelId="{DF3CF2BB-CB12-48BE-AD98-86784D09C8FA}" type="parTrans" cxnId="{586074ED-EF58-4CFC-9BDB-425A8F5BB465}">
      <dgm:prSet/>
      <dgm:spPr/>
      <dgm:t>
        <a:bodyPr/>
        <a:lstStyle/>
        <a:p>
          <a:endParaRPr lang="en-US"/>
        </a:p>
      </dgm:t>
    </dgm:pt>
    <dgm:pt modelId="{2E6294FD-6049-46FF-90F4-589A2E70BAEE}" type="sibTrans" cxnId="{586074ED-EF58-4CFC-9BDB-425A8F5BB465}">
      <dgm:prSet/>
      <dgm:spPr/>
      <dgm:t>
        <a:bodyPr/>
        <a:lstStyle/>
        <a:p>
          <a:endParaRPr lang="en-US"/>
        </a:p>
      </dgm:t>
    </dgm:pt>
    <dgm:pt modelId="{99263F3A-03A1-4D83-9973-10581DE0F2BD}" type="pres">
      <dgm:prSet presAssocID="{FF69FBD2-4E90-4A03-BBF8-5DB068C6942B}" presName="root" presStyleCnt="0">
        <dgm:presLayoutVars>
          <dgm:dir/>
          <dgm:resizeHandles val="exact"/>
        </dgm:presLayoutVars>
      </dgm:prSet>
      <dgm:spPr/>
    </dgm:pt>
    <dgm:pt modelId="{89E218DB-281D-4F61-AF74-DC06BE50FFB2}" type="pres">
      <dgm:prSet presAssocID="{3BEB13CE-DA1D-4BAF-BB07-BF0D976B2FBC}" presName="compNode" presStyleCnt="0"/>
      <dgm:spPr/>
    </dgm:pt>
    <dgm:pt modelId="{B2A06933-DF17-432B-872A-177D285A2F54}" type="pres">
      <dgm:prSet presAssocID="{3BEB13CE-DA1D-4BAF-BB07-BF0D976B2FBC}" presName="iconBgRect" presStyleLbl="bgShp" presStyleIdx="0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F3B50A9A-D0C3-4A44-ACEA-56B0DC0FD821}" type="pres">
      <dgm:prSet presAssocID="{3BEB13CE-DA1D-4BAF-BB07-BF0D976B2FB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ecturer"/>
        </a:ext>
      </dgm:extLst>
    </dgm:pt>
    <dgm:pt modelId="{AEFE4263-8380-478D-8BB5-BD233373E9B8}" type="pres">
      <dgm:prSet presAssocID="{3BEB13CE-DA1D-4BAF-BB07-BF0D976B2FBC}" presName="spaceRect" presStyleCnt="0"/>
      <dgm:spPr/>
    </dgm:pt>
    <dgm:pt modelId="{9668FEEF-D7B3-4397-A066-B6627ADC273D}" type="pres">
      <dgm:prSet presAssocID="{3BEB13CE-DA1D-4BAF-BB07-BF0D976B2FBC}" presName="textRect" presStyleLbl="revTx" presStyleIdx="0" presStyleCnt="3">
        <dgm:presLayoutVars>
          <dgm:chMax val="1"/>
          <dgm:chPref val="1"/>
        </dgm:presLayoutVars>
      </dgm:prSet>
      <dgm:spPr/>
    </dgm:pt>
    <dgm:pt modelId="{9CB9F5F2-CD9D-45B7-A340-2C5FC5B873C8}" type="pres">
      <dgm:prSet presAssocID="{8B0A2DEF-C152-48DB-8427-A6EEA7CF8561}" presName="sibTrans" presStyleCnt="0"/>
      <dgm:spPr/>
    </dgm:pt>
    <dgm:pt modelId="{511DD9CA-1904-4431-8B48-7B5B7C03B537}" type="pres">
      <dgm:prSet presAssocID="{08FF484F-03BD-48AA-808D-86A516758A5D}" presName="compNode" presStyleCnt="0"/>
      <dgm:spPr/>
    </dgm:pt>
    <dgm:pt modelId="{F647DF90-D1DD-4A75-B608-4048DD1ADE7C}" type="pres">
      <dgm:prSet presAssocID="{08FF484F-03BD-48AA-808D-86A516758A5D}" presName="iconBgRect" presStyleLbl="bgShp" presStyleIdx="1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0881C818-63C9-4A7F-A325-4C6F3856F7AE}" type="pres">
      <dgm:prSet presAssocID="{08FF484F-03BD-48AA-808D-86A516758A5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atellite"/>
        </a:ext>
      </dgm:extLst>
    </dgm:pt>
    <dgm:pt modelId="{56C7B6F1-9DF6-49D2-AB70-C5259FCAC128}" type="pres">
      <dgm:prSet presAssocID="{08FF484F-03BD-48AA-808D-86A516758A5D}" presName="spaceRect" presStyleCnt="0"/>
      <dgm:spPr/>
    </dgm:pt>
    <dgm:pt modelId="{AC8EC096-5F4C-4562-9098-CD8D7EC1436C}" type="pres">
      <dgm:prSet presAssocID="{08FF484F-03BD-48AA-808D-86A516758A5D}" presName="textRect" presStyleLbl="revTx" presStyleIdx="1" presStyleCnt="3">
        <dgm:presLayoutVars>
          <dgm:chMax val="1"/>
          <dgm:chPref val="1"/>
        </dgm:presLayoutVars>
      </dgm:prSet>
      <dgm:spPr/>
    </dgm:pt>
    <dgm:pt modelId="{660CACFA-73C0-45B2-B1EF-064CC0DB5D44}" type="pres">
      <dgm:prSet presAssocID="{1F964DA8-7233-4FF9-BB79-F6DBED9AB6EB}" presName="sibTrans" presStyleCnt="0"/>
      <dgm:spPr/>
    </dgm:pt>
    <dgm:pt modelId="{29EC7901-5AB5-4026-9D88-ABA874438B48}" type="pres">
      <dgm:prSet presAssocID="{E79B3A98-B54B-4513-82C2-202FF8ED3587}" presName="compNode" presStyleCnt="0"/>
      <dgm:spPr/>
    </dgm:pt>
    <dgm:pt modelId="{DEB65286-3977-42AD-B788-5EC0BB5CF7FD}" type="pres">
      <dgm:prSet presAssocID="{E79B3A98-B54B-4513-82C2-202FF8ED3587}" presName="iconBgRect" presStyleLbl="bgShp" presStyleIdx="2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A56836EE-EC18-435A-B0E7-EB81BDCEEC4C}" type="pres">
      <dgm:prSet presAssocID="{E79B3A98-B54B-4513-82C2-202FF8ED358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arketing"/>
        </a:ext>
      </dgm:extLst>
    </dgm:pt>
    <dgm:pt modelId="{93C47D19-041B-4DAA-8F6E-E8D61521E00A}" type="pres">
      <dgm:prSet presAssocID="{E79B3A98-B54B-4513-82C2-202FF8ED3587}" presName="spaceRect" presStyleCnt="0"/>
      <dgm:spPr/>
    </dgm:pt>
    <dgm:pt modelId="{BEB52D6D-9E57-4D67-9A68-577BDB5C7FB2}" type="pres">
      <dgm:prSet presAssocID="{E79B3A98-B54B-4513-82C2-202FF8ED3587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F17FD01A-6330-4141-8FB0-DE72E10B0A68}" srcId="{FF69FBD2-4E90-4A03-BBF8-5DB068C6942B}" destId="{08FF484F-03BD-48AA-808D-86A516758A5D}" srcOrd="1" destOrd="0" parTransId="{4619B3D1-7E7B-4422-A198-9AB649B45BE0}" sibTransId="{1F964DA8-7233-4FF9-BB79-F6DBED9AB6EB}"/>
    <dgm:cxn modelId="{48D46B25-DF75-45B1-BF98-BE84C11A2BDF}" type="presOf" srcId="{E79B3A98-B54B-4513-82C2-202FF8ED3587}" destId="{BEB52D6D-9E57-4D67-9A68-577BDB5C7FB2}" srcOrd="0" destOrd="0" presId="urn:microsoft.com/office/officeart/2018/5/layout/IconLeafLabelList"/>
    <dgm:cxn modelId="{EDA48C34-A3F5-4152-A739-6034270454D7}" type="presOf" srcId="{3BEB13CE-DA1D-4BAF-BB07-BF0D976B2FBC}" destId="{9668FEEF-D7B3-4397-A066-B6627ADC273D}" srcOrd="0" destOrd="0" presId="urn:microsoft.com/office/officeart/2018/5/layout/IconLeafLabelList"/>
    <dgm:cxn modelId="{C5B8A84F-91D5-488B-BB33-E30232A9543F}" srcId="{FF69FBD2-4E90-4A03-BBF8-5DB068C6942B}" destId="{3BEB13CE-DA1D-4BAF-BB07-BF0D976B2FBC}" srcOrd="0" destOrd="0" parTransId="{4B28CC53-C916-41BF-8D79-21EC59C7ED6B}" sibTransId="{8B0A2DEF-C152-48DB-8427-A6EEA7CF8561}"/>
    <dgm:cxn modelId="{87BF207C-B927-4A1F-B53F-08F55C058056}" type="presOf" srcId="{FF69FBD2-4E90-4A03-BBF8-5DB068C6942B}" destId="{99263F3A-03A1-4D83-9973-10581DE0F2BD}" srcOrd="0" destOrd="0" presId="urn:microsoft.com/office/officeart/2018/5/layout/IconLeafLabelList"/>
    <dgm:cxn modelId="{681B0ED3-D2A9-4E35-832B-65CF2B4730F5}" type="presOf" srcId="{08FF484F-03BD-48AA-808D-86A516758A5D}" destId="{AC8EC096-5F4C-4562-9098-CD8D7EC1436C}" srcOrd="0" destOrd="0" presId="urn:microsoft.com/office/officeart/2018/5/layout/IconLeafLabelList"/>
    <dgm:cxn modelId="{586074ED-EF58-4CFC-9BDB-425A8F5BB465}" srcId="{FF69FBD2-4E90-4A03-BBF8-5DB068C6942B}" destId="{E79B3A98-B54B-4513-82C2-202FF8ED3587}" srcOrd="2" destOrd="0" parTransId="{DF3CF2BB-CB12-48BE-AD98-86784D09C8FA}" sibTransId="{2E6294FD-6049-46FF-90F4-589A2E70BAEE}"/>
    <dgm:cxn modelId="{A538278A-0EC9-4360-BD53-6705C74D96FE}" type="presParOf" srcId="{99263F3A-03A1-4D83-9973-10581DE0F2BD}" destId="{89E218DB-281D-4F61-AF74-DC06BE50FFB2}" srcOrd="0" destOrd="0" presId="urn:microsoft.com/office/officeart/2018/5/layout/IconLeafLabelList"/>
    <dgm:cxn modelId="{18991D8A-762E-48E6-9C23-71F702C81398}" type="presParOf" srcId="{89E218DB-281D-4F61-AF74-DC06BE50FFB2}" destId="{B2A06933-DF17-432B-872A-177D285A2F54}" srcOrd="0" destOrd="0" presId="urn:microsoft.com/office/officeart/2018/5/layout/IconLeafLabelList"/>
    <dgm:cxn modelId="{B08A65E9-46DB-4EA9-B212-7455BC513CD9}" type="presParOf" srcId="{89E218DB-281D-4F61-AF74-DC06BE50FFB2}" destId="{F3B50A9A-D0C3-4A44-ACEA-56B0DC0FD821}" srcOrd="1" destOrd="0" presId="urn:microsoft.com/office/officeart/2018/5/layout/IconLeafLabelList"/>
    <dgm:cxn modelId="{7CD86A16-2191-402F-88D1-68EB56CE3AED}" type="presParOf" srcId="{89E218DB-281D-4F61-AF74-DC06BE50FFB2}" destId="{AEFE4263-8380-478D-8BB5-BD233373E9B8}" srcOrd="2" destOrd="0" presId="urn:microsoft.com/office/officeart/2018/5/layout/IconLeafLabelList"/>
    <dgm:cxn modelId="{6685998B-A14F-44E6-B276-A1E62E65D26C}" type="presParOf" srcId="{89E218DB-281D-4F61-AF74-DC06BE50FFB2}" destId="{9668FEEF-D7B3-4397-A066-B6627ADC273D}" srcOrd="3" destOrd="0" presId="urn:microsoft.com/office/officeart/2018/5/layout/IconLeafLabelList"/>
    <dgm:cxn modelId="{59B28FA2-5462-4868-A9EA-B4359E5FC466}" type="presParOf" srcId="{99263F3A-03A1-4D83-9973-10581DE0F2BD}" destId="{9CB9F5F2-CD9D-45B7-A340-2C5FC5B873C8}" srcOrd="1" destOrd="0" presId="urn:microsoft.com/office/officeart/2018/5/layout/IconLeafLabelList"/>
    <dgm:cxn modelId="{689D2D1E-DE71-4AFB-8FFD-10D666B6DEC7}" type="presParOf" srcId="{99263F3A-03A1-4D83-9973-10581DE0F2BD}" destId="{511DD9CA-1904-4431-8B48-7B5B7C03B537}" srcOrd="2" destOrd="0" presId="urn:microsoft.com/office/officeart/2018/5/layout/IconLeafLabelList"/>
    <dgm:cxn modelId="{0A5F980C-57AC-4C8D-A344-A8E6AD06A197}" type="presParOf" srcId="{511DD9CA-1904-4431-8B48-7B5B7C03B537}" destId="{F647DF90-D1DD-4A75-B608-4048DD1ADE7C}" srcOrd="0" destOrd="0" presId="urn:microsoft.com/office/officeart/2018/5/layout/IconLeafLabelList"/>
    <dgm:cxn modelId="{0BC3CD34-6DFA-4126-9276-8886FC16F504}" type="presParOf" srcId="{511DD9CA-1904-4431-8B48-7B5B7C03B537}" destId="{0881C818-63C9-4A7F-A325-4C6F3856F7AE}" srcOrd="1" destOrd="0" presId="urn:microsoft.com/office/officeart/2018/5/layout/IconLeafLabelList"/>
    <dgm:cxn modelId="{308B6AEF-CD93-49C5-97F4-DD5F14D81C5A}" type="presParOf" srcId="{511DD9CA-1904-4431-8B48-7B5B7C03B537}" destId="{56C7B6F1-9DF6-49D2-AB70-C5259FCAC128}" srcOrd="2" destOrd="0" presId="urn:microsoft.com/office/officeart/2018/5/layout/IconLeafLabelList"/>
    <dgm:cxn modelId="{50670599-3912-4818-A25B-E7E09876685C}" type="presParOf" srcId="{511DD9CA-1904-4431-8B48-7B5B7C03B537}" destId="{AC8EC096-5F4C-4562-9098-CD8D7EC1436C}" srcOrd="3" destOrd="0" presId="urn:microsoft.com/office/officeart/2018/5/layout/IconLeafLabelList"/>
    <dgm:cxn modelId="{D5A70F9B-91F5-47CE-807E-1D36AB0E376A}" type="presParOf" srcId="{99263F3A-03A1-4D83-9973-10581DE0F2BD}" destId="{660CACFA-73C0-45B2-B1EF-064CC0DB5D44}" srcOrd="3" destOrd="0" presId="urn:microsoft.com/office/officeart/2018/5/layout/IconLeafLabelList"/>
    <dgm:cxn modelId="{C10F897C-F407-4977-A937-E0203E5999C3}" type="presParOf" srcId="{99263F3A-03A1-4D83-9973-10581DE0F2BD}" destId="{29EC7901-5AB5-4026-9D88-ABA874438B48}" srcOrd="4" destOrd="0" presId="urn:microsoft.com/office/officeart/2018/5/layout/IconLeafLabelList"/>
    <dgm:cxn modelId="{C5D7B12D-FE60-48AC-9040-DAAB5B98C76D}" type="presParOf" srcId="{29EC7901-5AB5-4026-9D88-ABA874438B48}" destId="{DEB65286-3977-42AD-B788-5EC0BB5CF7FD}" srcOrd="0" destOrd="0" presId="urn:microsoft.com/office/officeart/2018/5/layout/IconLeafLabelList"/>
    <dgm:cxn modelId="{F9D1A5FB-F751-4B30-BD65-5174A27FE25B}" type="presParOf" srcId="{29EC7901-5AB5-4026-9D88-ABA874438B48}" destId="{A56836EE-EC18-435A-B0E7-EB81BDCEEC4C}" srcOrd="1" destOrd="0" presId="urn:microsoft.com/office/officeart/2018/5/layout/IconLeafLabelList"/>
    <dgm:cxn modelId="{A77ECA0D-0CA0-4895-BF10-6D9C9E01C579}" type="presParOf" srcId="{29EC7901-5AB5-4026-9D88-ABA874438B48}" destId="{93C47D19-041B-4DAA-8F6E-E8D61521E00A}" srcOrd="2" destOrd="0" presId="urn:microsoft.com/office/officeart/2018/5/layout/IconLeafLabelList"/>
    <dgm:cxn modelId="{50444843-A5AB-4C7A-896C-761C2D6DA17E}" type="presParOf" srcId="{29EC7901-5AB5-4026-9D88-ABA874438B48}" destId="{BEB52D6D-9E57-4D67-9A68-577BDB5C7FB2}" srcOrd="3" destOrd="0" presId="urn:microsoft.com/office/officeart/2018/5/layout/IconLeaf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CF06EC7-D6C1-4422-B387-F186235ACDCD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46F5773-8FE2-40BC-B527-3968883B623A}">
      <dgm:prSet/>
      <dgm:spPr/>
      <dgm:t>
        <a:bodyPr/>
        <a:lstStyle/>
        <a:p>
          <a:r>
            <a:rPr lang="en-US"/>
            <a:t>Web server running on Linux</a:t>
          </a:r>
        </a:p>
      </dgm:t>
    </dgm:pt>
    <dgm:pt modelId="{A650F31D-5057-4AE1-BFA1-AC8354A857C6}" type="parTrans" cxnId="{EC32FB9A-AF62-4123-9FA6-512646E3E645}">
      <dgm:prSet/>
      <dgm:spPr/>
      <dgm:t>
        <a:bodyPr/>
        <a:lstStyle/>
        <a:p>
          <a:endParaRPr lang="en-US"/>
        </a:p>
      </dgm:t>
    </dgm:pt>
    <dgm:pt modelId="{9CEE49E0-448D-4D1F-B58C-9BA02AFC6454}" type="sibTrans" cxnId="{EC32FB9A-AF62-4123-9FA6-512646E3E645}">
      <dgm:prSet/>
      <dgm:spPr/>
      <dgm:t>
        <a:bodyPr/>
        <a:lstStyle/>
        <a:p>
          <a:endParaRPr lang="en-US"/>
        </a:p>
      </dgm:t>
    </dgm:pt>
    <dgm:pt modelId="{1359D954-9805-4CC1-9639-B328B7B377ED}">
      <dgm:prSet/>
      <dgm:spPr/>
      <dgm:t>
        <a:bodyPr/>
        <a:lstStyle/>
        <a:p>
          <a:r>
            <a:rPr lang="en-US"/>
            <a:t>Highly scalable</a:t>
          </a:r>
        </a:p>
      </dgm:t>
    </dgm:pt>
    <dgm:pt modelId="{1AC04ACA-BE40-4D80-920F-D2499C5334F0}" type="parTrans" cxnId="{7345C0E2-1967-43CA-AD53-88E73DB5A6D9}">
      <dgm:prSet/>
      <dgm:spPr/>
      <dgm:t>
        <a:bodyPr/>
        <a:lstStyle/>
        <a:p>
          <a:endParaRPr lang="en-US"/>
        </a:p>
      </dgm:t>
    </dgm:pt>
    <dgm:pt modelId="{23E4C493-A599-4725-87C6-A02A34EABEA4}" type="sibTrans" cxnId="{7345C0E2-1967-43CA-AD53-88E73DB5A6D9}">
      <dgm:prSet/>
      <dgm:spPr/>
      <dgm:t>
        <a:bodyPr/>
        <a:lstStyle/>
        <a:p>
          <a:endParaRPr lang="en-US"/>
        </a:p>
      </dgm:t>
    </dgm:pt>
    <dgm:pt modelId="{A45A6633-04FC-4594-8B53-27D7BBB84C27}">
      <dgm:prSet/>
      <dgm:spPr/>
      <dgm:t>
        <a:bodyPr/>
        <a:lstStyle/>
        <a:p>
          <a:r>
            <a:rPr lang="en-US"/>
            <a:t>Custom Linux Kernel drivers developed for hardware components</a:t>
          </a:r>
        </a:p>
      </dgm:t>
    </dgm:pt>
    <dgm:pt modelId="{82C12665-B152-4188-A231-A241E3FD88C6}" type="parTrans" cxnId="{79A1B260-6C47-4D42-88F2-9D7658521336}">
      <dgm:prSet/>
      <dgm:spPr/>
      <dgm:t>
        <a:bodyPr/>
        <a:lstStyle/>
        <a:p>
          <a:endParaRPr lang="en-US"/>
        </a:p>
      </dgm:t>
    </dgm:pt>
    <dgm:pt modelId="{8195BDBF-7E57-4D8E-BB46-C86718C4D179}" type="sibTrans" cxnId="{79A1B260-6C47-4D42-88F2-9D7658521336}">
      <dgm:prSet/>
      <dgm:spPr/>
      <dgm:t>
        <a:bodyPr/>
        <a:lstStyle/>
        <a:p>
          <a:endParaRPr lang="en-US"/>
        </a:p>
      </dgm:t>
    </dgm:pt>
    <dgm:pt modelId="{F4130180-1AAD-4AD4-9E90-8E95D15EE568}" type="pres">
      <dgm:prSet presAssocID="{2CF06EC7-D6C1-4422-B387-F186235ACDCD}" presName="root" presStyleCnt="0">
        <dgm:presLayoutVars>
          <dgm:dir/>
          <dgm:resizeHandles val="exact"/>
        </dgm:presLayoutVars>
      </dgm:prSet>
      <dgm:spPr/>
    </dgm:pt>
    <dgm:pt modelId="{A26E6D56-9ACC-4813-81FE-5ED2EF8662CE}" type="pres">
      <dgm:prSet presAssocID="{346F5773-8FE2-40BC-B527-3968883B623A}" presName="compNode" presStyleCnt="0"/>
      <dgm:spPr/>
    </dgm:pt>
    <dgm:pt modelId="{53BE70CA-91D0-4918-B74E-79BA14F4FF12}" type="pres">
      <dgm:prSet presAssocID="{346F5773-8FE2-40BC-B527-3968883B623A}" presName="bgRect" presStyleLbl="bgShp" presStyleIdx="0" presStyleCnt="3"/>
      <dgm:spPr/>
    </dgm:pt>
    <dgm:pt modelId="{C104B0AE-9C62-4A72-B878-9B90499B73C9}" type="pres">
      <dgm:prSet presAssocID="{346F5773-8FE2-40BC-B527-3968883B623A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30C3A2DB-A670-4A99-BB37-EF7F9C04800F}" type="pres">
      <dgm:prSet presAssocID="{346F5773-8FE2-40BC-B527-3968883B623A}" presName="spaceRect" presStyleCnt="0"/>
      <dgm:spPr/>
    </dgm:pt>
    <dgm:pt modelId="{0B64A857-0E25-4EBB-BE5F-8D0A7A2E23BA}" type="pres">
      <dgm:prSet presAssocID="{346F5773-8FE2-40BC-B527-3968883B623A}" presName="parTx" presStyleLbl="revTx" presStyleIdx="0" presStyleCnt="3">
        <dgm:presLayoutVars>
          <dgm:chMax val="0"/>
          <dgm:chPref val="0"/>
        </dgm:presLayoutVars>
      </dgm:prSet>
      <dgm:spPr/>
    </dgm:pt>
    <dgm:pt modelId="{0D1A7950-2EB0-4277-BE5F-178C9C49A1A9}" type="pres">
      <dgm:prSet presAssocID="{9CEE49E0-448D-4D1F-B58C-9BA02AFC6454}" presName="sibTrans" presStyleCnt="0"/>
      <dgm:spPr/>
    </dgm:pt>
    <dgm:pt modelId="{BB47ABC0-D962-48E6-A27C-86D47FD0FF8E}" type="pres">
      <dgm:prSet presAssocID="{1359D954-9805-4CC1-9639-B328B7B377ED}" presName="compNode" presStyleCnt="0"/>
      <dgm:spPr/>
    </dgm:pt>
    <dgm:pt modelId="{38F210EA-638C-4332-AE85-41AB6C51AEBB}" type="pres">
      <dgm:prSet presAssocID="{1359D954-9805-4CC1-9639-B328B7B377ED}" presName="bgRect" presStyleLbl="bgShp" presStyleIdx="1" presStyleCnt="3"/>
      <dgm:spPr/>
    </dgm:pt>
    <dgm:pt modelId="{5BCBCF4A-751A-45C9-866E-C2F3F6E54183}" type="pres">
      <dgm:prSet presAssocID="{1359D954-9805-4CC1-9639-B328B7B377E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auge"/>
        </a:ext>
      </dgm:extLst>
    </dgm:pt>
    <dgm:pt modelId="{04D4BF3B-F4E9-43B6-9506-ED2EEEB35D10}" type="pres">
      <dgm:prSet presAssocID="{1359D954-9805-4CC1-9639-B328B7B377ED}" presName="spaceRect" presStyleCnt="0"/>
      <dgm:spPr/>
    </dgm:pt>
    <dgm:pt modelId="{22BA8035-B535-4E74-840B-E2737420C214}" type="pres">
      <dgm:prSet presAssocID="{1359D954-9805-4CC1-9639-B328B7B377ED}" presName="parTx" presStyleLbl="revTx" presStyleIdx="1" presStyleCnt="3">
        <dgm:presLayoutVars>
          <dgm:chMax val="0"/>
          <dgm:chPref val="0"/>
        </dgm:presLayoutVars>
      </dgm:prSet>
      <dgm:spPr/>
    </dgm:pt>
    <dgm:pt modelId="{EDC17B44-CF14-471B-9333-1B79BB7D8BF1}" type="pres">
      <dgm:prSet presAssocID="{23E4C493-A599-4725-87C6-A02A34EABEA4}" presName="sibTrans" presStyleCnt="0"/>
      <dgm:spPr/>
    </dgm:pt>
    <dgm:pt modelId="{DC91759D-E28F-4F6D-B023-E618C24FD9BF}" type="pres">
      <dgm:prSet presAssocID="{A45A6633-04FC-4594-8B53-27D7BBB84C27}" presName="compNode" presStyleCnt="0"/>
      <dgm:spPr/>
    </dgm:pt>
    <dgm:pt modelId="{4F59AF1F-03F9-42A7-A657-86BB5A1CF607}" type="pres">
      <dgm:prSet presAssocID="{A45A6633-04FC-4594-8B53-27D7BBB84C27}" presName="bgRect" presStyleLbl="bgShp" presStyleIdx="2" presStyleCnt="3"/>
      <dgm:spPr/>
    </dgm:pt>
    <dgm:pt modelId="{EEC0EB26-CBEC-4F5E-B46C-41297344EFE3}" type="pres">
      <dgm:prSet presAssocID="{A45A6633-04FC-4594-8B53-27D7BBB84C2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2C215C3A-FCE8-4DBC-BDF9-F3AC64B663AB}" type="pres">
      <dgm:prSet presAssocID="{A45A6633-04FC-4594-8B53-27D7BBB84C27}" presName="spaceRect" presStyleCnt="0"/>
      <dgm:spPr/>
    </dgm:pt>
    <dgm:pt modelId="{F6C81ECA-F303-44D5-96BA-9740B9689002}" type="pres">
      <dgm:prSet presAssocID="{A45A6633-04FC-4594-8B53-27D7BBB84C27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17F51003-75EE-4D82-9F4A-950A7537212A}" type="presOf" srcId="{A45A6633-04FC-4594-8B53-27D7BBB84C27}" destId="{F6C81ECA-F303-44D5-96BA-9740B9689002}" srcOrd="0" destOrd="0" presId="urn:microsoft.com/office/officeart/2018/2/layout/IconVerticalSolidList"/>
    <dgm:cxn modelId="{8FF9FB3C-435A-4111-80ED-021B5D749A6C}" type="presOf" srcId="{1359D954-9805-4CC1-9639-B328B7B377ED}" destId="{22BA8035-B535-4E74-840B-E2737420C214}" srcOrd="0" destOrd="0" presId="urn:microsoft.com/office/officeart/2018/2/layout/IconVerticalSolidList"/>
    <dgm:cxn modelId="{79A1B260-6C47-4D42-88F2-9D7658521336}" srcId="{2CF06EC7-D6C1-4422-B387-F186235ACDCD}" destId="{A45A6633-04FC-4594-8B53-27D7BBB84C27}" srcOrd="2" destOrd="0" parTransId="{82C12665-B152-4188-A231-A241E3FD88C6}" sibTransId="{8195BDBF-7E57-4D8E-BB46-C86718C4D179}"/>
    <dgm:cxn modelId="{EC32FB9A-AF62-4123-9FA6-512646E3E645}" srcId="{2CF06EC7-D6C1-4422-B387-F186235ACDCD}" destId="{346F5773-8FE2-40BC-B527-3968883B623A}" srcOrd="0" destOrd="0" parTransId="{A650F31D-5057-4AE1-BFA1-AC8354A857C6}" sibTransId="{9CEE49E0-448D-4D1F-B58C-9BA02AFC6454}"/>
    <dgm:cxn modelId="{347C49BF-874B-46C1-A431-FA51B22DC82F}" type="presOf" srcId="{2CF06EC7-D6C1-4422-B387-F186235ACDCD}" destId="{F4130180-1AAD-4AD4-9E90-8E95D15EE568}" srcOrd="0" destOrd="0" presId="urn:microsoft.com/office/officeart/2018/2/layout/IconVerticalSolidList"/>
    <dgm:cxn modelId="{7345C0E2-1967-43CA-AD53-88E73DB5A6D9}" srcId="{2CF06EC7-D6C1-4422-B387-F186235ACDCD}" destId="{1359D954-9805-4CC1-9639-B328B7B377ED}" srcOrd="1" destOrd="0" parTransId="{1AC04ACA-BE40-4D80-920F-D2499C5334F0}" sibTransId="{23E4C493-A599-4725-87C6-A02A34EABEA4}"/>
    <dgm:cxn modelId="{8B7CAFF2-AFA0-44C8-8EC8-22D9A2F2D91E}" type="presOf" srcId="{346F5773-8FE2-40BC-B527-3968883B623A}" destId="{0B64A857-0E25-4EBB-BE5F-8D0A7A2E23BA}" srcOrd="0" destOrd="0" presId="urn:microsoft.com/office/officeart/2018/2/layout/IconVerticalSolidList"/>
    <dgm:cxn modelId="{F7A180AA-59D0-4C28-9487-CCD32DADBEDD}" type="presParOf" srcId="{F4130180-1AAD-4AD4-9E90-8E95D15EE568}" destId="{A26E6D56-9ACC-4813-81FE-5ED2EF8662CE}" srcOrd="0" destOrd="0" presId="urn:microsoft.com/office/officeart/2018/2/layout/IconVerticalSolidList"/>
    <dgm:cxn modelId="{26484808-7BA4-4B2F-B470-CF50DAC53FB2}" type="presParOf" srcId="{A26E6D56-9ACC-4813-81FE-5ED2EF8662CE}" destId="{53BE70CA-91D0-4918-B74E-79BA14F4FF12}" srcOrd="0" destOrd="0" presId="urn:microsoft.com/office/officeart/2018/2/layout/IconVerticalSolidList"/>
    <dgm:cxn modelId="{59607DCA-26F9-4DA1-87F3-6B6B9B2F88D1}" type="presParOf" srcId="{A26E6D56-9ACC-4813-81FE-5ED2EF8662CE}" destId="{C104B0AE-9C62-4A72-B878-9B90499B73C9}" srcOrd="1" destOrd="0" presId="urn:microsoft.com/office/officeart/2018/2/layout/IconVerticalSolidList"/>
    <dgm:cxn modelId="{F31AFE45-C12C-4832-89B6-2636CCD8B8AC}" type="presParOf" srcId="{A26E6D56-9ACC-4813-81FE-5ED2EF8662CE}" destId="{30C3A2DB-A670-4A99-BB37-EF7F9C04800F}" srcOrd="2" destOrd="0" presId="urn:microsoft.com/office/officeart/2018/2/layout/IconVerticalSolidList"/>
    <dgm:cxn modelId="{73E21EFF-BDE9-41B6-8127-061F13276C2F}" type="presParOf" srcId="{A26E6D56-9ACC-4813-81FE-5ED2EF8662CE}" destId="{0B64A857-0E25-4EBB-BE5F-8D0A7A2E23BA}" srcOrd="3" destOrd="0" presId="urn:microsoft.com/office/officeart/2018/2/layout/IconVerticalSolidList"/>
    <dgm:cxn modelId="{89F26E48-C1D9-494D-9BC4-2AE8D9FEF157}" type="presParOf" srcId="{F4130180-1AAD-4AD4-9E90-8E95D15EE568}" destId="{0D1A7950-2EB0-4277-BE5F-178C9C49A1A9}" srcOrd="1" destOrd="0" presId="urn:microsoft.com/office/officeart/2018/2/layout/IconVerticalSolidList"/>
    <dgm:cxn modelId="{6CDED744-32E9-4A4D-B7B6-13B07B34468E}" type="presParOf" srcId="{F4130180-1AAD-4AD4-9E90-8E95D15EE568}" destId="{BB47ABC0-D962-48E6-A27C-86D47FD0FF8E}" srcOrd="2" destOrd="0" presId="urn:microsoft.com/office/officeart/2018/2/layout/IconVerticalSolidList"/>
    <dgm:cxn modelId="{611B3239-2887-4AB3-90CD-8E673166EF14}" type="presParOf" srcId="{BB47ABC0-D962-48E6-A27C-86D47FD0FF8E}" destId="{38F210EA-638C-4332-AE85-41AB6C51AEBB}" srcOrd="0" destOrd="0" presId="urn:microsoft.com/office/officeart/2018/2/layout/IconVerticalSolidList"/>
    <dgm:cxn modelId="{7AD59622-59B8-46B4-BFD1-64D4E7AE23AE}" type="presParOf" srcId="{BB47ABC0-D962-48E6-A27C-86D47FD0FF8E}" destId="{5BCBCF4A-751A-45C9-866E-C2F3F6E54183}" srcOrd="1" destOrd="0" presId="urn:microsoft.com/office/officeart/2018/2/layout/IconVerticalSolidList"/>
    <dgm:cxn modelId="{6C65360E-9830-4098-A5C0-5F4ADE1506C8}" type="presParOf" srcId="{BB47ABC0-D962-48E6-A27C-86D47FD0FF8E}" destId="{04D4BF3B-F4E9-43B6-9506-ED2EEEB35D10}" srcOrd="2" destOrd="0" presId="urn:microsoft.com/office/officeart/2018/2/layout/IconVerticalSolidList"/>
    <dgm:cxn modelId="{48BB6F93-22F1-415A-A3F1-18F50DD2CC70}" type="presParOf" srcId="{BB47ABC0-D962-48E6-A27C-86D47FD0FF8E}" destId="{22BA8035-B535-4E74-840B-E2737420C214}" srcOrd="3" destOrd="0" presId="urn:microsoft.com/office/officeart/2018/2/layout/IconVerticalSolidList"/>
    <dgm:cxn modelId="{2BAA6A78-B48A-4CAE-ABCE-D89D3709A424}" type="presParOf" srcId="{F4130180-1AAD-4AD4-9E90-8E95D15EE568}" destId="{EDC17B44-CF14-471B-9333-1B79BB7D8BF1}" srcOrd="3" destOrd="0" presId="urn:microsoft.com/office/officeart/2018/2/layout/IconVerticalSolidList"/>
    <dgm:cxn modelId="{543C4776-9D64-4727-BE1A-44F44D95409E}" type="presParOf" srcId="{F4130180-1AAD-4AD4-9E90-8E95D15EE568}" destId="{DC91759D-E28F-4F6D-B023-E618C24FD9BF}" srcOrd="4" destOrd="0" presId="urn:microsoft.com/office/officeart/2018/2/layout/IconVerticalSolidList"/>
    <dgm:cxn modelId="{80C277FA-9155-45CC-B0EC-57D5CF04ACE1}" type="presParOf" srcId="{DC91759D-E28F-4F6D-B023-E618C24FD9BF}" destId="{4F59AF1F-03F9-42A7-A657-86BB5A1CF607}" srcOrd="0" destOrd="0" presId="urn:microsoft.com/office/officeart/2018/2/layout/IconVerticalSolidList"/>
    <dgm:cxn modelId="{72C24F48-129D-4C61-900B-9B7FFCFB78CA}" type="presParOf" srcId="{DC91759D-E28F-4F6D-B023-E618C24FD9BF}" destId="{EEC0EB26-CBEC-4F5E-B46C-41297344EFE3}" srcOrd="1" destOrd="0" presId="urn:microsoft.com/office/officeart/2018/2/layout/IconVerticalSolidList"/>
    <dgm:cxn modelId="{059CAAFE-2687-4F41-B4B3-B507A3BA77DA}" type="presParOf" srcId="{DC91759D-E28F-4F6D-B023-E618C24FD9BF}" destId="{2C215C3A-FCE8-4DBC-BDF9-F3AC64B663AB}" srcOrd="2" destOrd="0" presId="urn:microsoft.com/office/officeart/2018/2/layout/IconVerticalSolidList"/>
    <dgm:cxn modelId="{413990E5-566D-453C-843A-B731E899113B}" type="presParOf" srcId="{DC91759D-E28F-4F6D-B023-E618C24FD9BF}" destId="{F6C81ECA-F303-44D5-96BA-9740B9689002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B5149F4-EDF0-4044-8BAE-4BFCDC0E9A7F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7003DB90-6A51-49F5-9EA6-8A96BFCE4D1A}">
      <dgm:prSet/>
      <dgm:spPr/>
      <dgm:t>
        <a:bodyPr/>
        <a:lstStyle/>
        <a:p>
          <a:r>
            <a:rPr lang="en-GB"/>
            <a:t>Parallelization more the encryption and decryption to get better performances</a:t>
          </a:r>
          <a:endParaRPr lang="en-US"/>
        </a:p>
      </dgm:t>
    </dgm:pt>
    <dgm:pt modelId="{FD58DF11-B601-421C-8B8F-7DDB88576715}" type="parTrans" cxnId="{95DA65DD-6B85-491A-A886-766C1C2BB8F3}">
      <dgm:prSet/>
      <dgm:spPr/>
      <dgm:t>
        <a:bodyPr/>
        <a:lstStyle/>
        <a:p>
          <a:endParaRPr lang="en-US"/>
        </a:p>
      </dgm:t>
    </dgm:pt>
    <dgm:pt modelId="{A250D115-7FB2-4B38-A85C-085226EC8261}" type="sibTrans" cxnId="{95DA65DD-6B85-491A-A886-766C1C2BB8F3}">
      <dgm:prSet/>
      <dgm:spPr/>
      <dgm:t>
        <a:bodyPr/>
        <a:lstStyle/>
        <a:p>
          <a:endParaRPr lang="en-US"/>
        </a:p>
      </dgm:t>
    </dgm:pt>
    <dgm:pt modelId="{38FE0DDB-A1D4-4723-90B8-3A679C2BCF1C}">
      <dgm:prSet/>
      <dgm:spPr/>
      <dgm:t>
        <a:bodyPr/>
        <a:lstStyle/>
        <a:p>
          <a:r>
            <a:rPr lang="en-GB"/>
            <a:t>Optimize architecture </a:t>
          </a:r>
          <a:endParaRPr lang="en-US"/>
        </a:p>
      </dgm:t>
    </dgm:pt>
    <dgm:pt modelId="{C7AD8159-2E78-49A0-9FF7-FEC432AF7F7E}" type="parTrans" cxnId="{CBB7D605-0E65-40ED-8DD7-3E32D7B51D57}">
      <dgm:prSet/>
      <dgm:spPr/>
      <dgm:t>
        <a:bodyPr/>
        <a:lstStyle/>
        <a:p>
          <a:endParaRPr lang="en-US"/>
        </a:p>
      </dgm:t>
    </dgm:pt>
    <dgm:pt modelId="{EC999E7D-F690-4129-B847-9FB24560B3E3}" type="sibTrans" cxnId="{CBB7D605-0E65-40ED-8DD7-3E32D7B51D57}">
      <dgm:prSet/>
      <dgm:spPr/>
      <dgm:t>
        <a:bodyPr/>
        <a:lstStyle/>
        <a:p>
          <a:endParaRPr lang="en-US"/>
        </a:p>
      </dgm:t>
    </dgm:pt>
    <dgm:pt modelId="{52967387-FEAC-4D4C-A8C9-9DE034F15874}">
      <dgm:prSet/>
      <dgm:spPr/>
      <dgm:t>
        <a:bodyPr/>
        <a:lstStyle/>
        <a:p>
          <a:r>
            <a:rPr lang="en-GB"/>
            <a:t>Accelerate multiple video algorithms </a:t>
          </a:r>
          <a:endParaRPr lang="en-US"/>
        </a:p>
      </dgm:t>
    </dgm:pt>
    <dgm:pt modelId="{12AFCEBD-D1CC-4018-82B0-DF981470AB6B}" type="parTrans" cxnId="{CDD1A862-878E-4036-B2FC-A701C4F229ED}">
      <dgm:prSet/>
      <dgm:spPr/>
      <dgm:t>
        <a:bodyPr/>
        <a:lstStyle/>
        <a:p>
          <a:endParaRPr lang="en-US"/>
        </a:p>
      </dgm:t>
    </dgm:pt>
    <dgm:pt modelId="{F91039D3-992A-416D-A813-F9998B5F066D}" type="sibTrans" cxnId="{CDD1A862-878E-4036-B2FC-A701C4F229ED}">
      <dgm:prSet/>
      <dgm:spPr/>
      <dgm:t>
        <a:bodyPr/>
        <a:lstStyle/>
        <a:p>
          <a:endParaRPr lang="en-US"/>
        </a:p>
      </dgm:t>
    </dgm:pt>
    <dgm:pt modelId="{B85156D1-1195-4B7A-8177-CA6C3351E44D}" type="pres">
      <dgm:prSet presAssocID="{AB5149F4-EDF0-4044-8BAE-4BFCDC0E9A7F}" presName="diagram" presStyleCnt="0">
        <dgm:presLayoutVars>
          <dgm:dir/>
          <dgm:resizeHandles val="exact"/>
        </dgm:presLayoutVars>
      </dgm:prSet>
      <dgm:spPr/>
    </dgm:pt>
    <dgm:pt modelId="{D4FCECF9-77D4-4788-AFC5-1E32C359BEA6}" type="pres">
      <dgm:prSet presAssocID="{7003DB90-6A51-49F5-9EA6-8A96BFCE4D1A}" presName="node" presStyleLbl="node1" presStyleIdx="0" presStyleCnt="3">
        <dgm:presLayoutVars>
          <dgm:bulletEnabled val="1"/>
        </dgm:presLayoutVars>
      </dgm:prSet>
      <dgm:spPr/>
    </dgm:pt>
    <dgm:pt modelId="{8BC99F79-3FCA-445A-BAB4-3834736E7077}" type="pres">
      <dgm:prSet presAssocID="{A250D115-7FB2-4B38-A85C-085226EC8261}" presName="sibTrans" presStyleCnt="0"/>
      <dgm:spPr/>
    </dgm:pt>
    <dgm:pt modelId="{4F4DDE9B-E1C5-4047-8AE4-842CA4BB7377}" type="pres">
      <dgm:prSet presAssocID="{38FE0DDB-A1D4-4723-90B8-3A679C2BCF1C}" presName="node" presStyleLbl="node1" presStyleIdx="1" presStyleCnt="3">
        <dgm:presLayoutVars>
          <dgm:bulletEnabled val="1"/>
        </dgm:presLayoutVars>
      </dgm:prSet>
      <dgm:spPr/>
    </dgm:pt>
    <dgm:pt modelId="{2C1A064C-8BCE-4CC2-AFF1-2F4EE8103B9F}" type="pres">
      <dgm:prSet presAssocID="{EC999E7D-F690-4129-B847-9FB24560B3E3}" presName="sibTrans" presStyleCnt="0"/>
      <dgm:spPr/>
    </dgm:pt>
    <dgm:pt modelId="{D8D63D31-9AB0-4304-A1D9-CDDCDCC3095A}" type="pres">
      <dgm:prSet presAssocID="{52967387-FEAC-4D4C-A8C9-9DE034F15874}" presName="node" presStyleLbl="node1" presStyleIdx="2" presStyleCnt="3">
        <dgm:presLayoutVars>
          <dgm:bulletEnabled val="1"/>
        </dgm:presLayoutVars>
      </dgm:prSet>
      <dgm:spPr/>
    </dgm:pt>
  </dgm:ptLst>
  <dgm:cxnLst>
    <dgm:cxn modelId="{CBB7D605-0E65-40ED-8DD7-3E32D7B51D57}" srcId="{AB5149F4-EDF0-4044-8BAE-4BFCDC0E9A7F}" destId="{38FE0DDB-A1D4-4723-90B8-3A679C2BCF1C}" srcOrd="1" destOrd="0" parTransId="{C7AD8159-2E78-49A0-9FF7-FEC432AF7F7E}" sibTransId="{EC999E7D-F690-4129-B847-9FB24560B3E3}"/>
    <dgm:cxn modelId="{CE04CB39-A830-4914-BC76-B76607DBA0EC}" type="presOf" srcId="{7003DB90-6A51-49F5-9EA6-8A96BFCE4D1A}" destId="{D4FCECF9-77D4-4788-AFC5-1E32C359BEA6}" srcOrd="0" destOrd="0" presId="urn:microsoft.com/office/officeart/2005/8/layout/default"/>
    <dgm:cxn modelId="{CDD1A862-878E-4036-B2FC-A701C4F229ED}" srcId="{AB5149F4-EDF0-4044-8BAE-4BFCDC0E9A7F}" destId="{52967387-FEAC-4D4C-A8C9-9DE034F15874}" srcOrd="2" destOrd="0" parTransId="{12AFCEBD-D1CC-4018-82B0-DF981470AB6B}" sibTransId="{F91039D3-992A-416D-A813-F9998B5F066D}"/>
    <dgm:cxn modelId="{5F740D93-32C9-438C-85A6-2AD98585E986}" type="presOf" srcId="{AB5149F4-EDF0-4044-8BAE-4BFCDC0E9A7F}" destId="{B85156D1-1195-4B7A-8177-CA6C3351E44D}" srcOrd="0" destOrd="0" presId="urn:microsoft.com/office/officeart/2005/8/layout/default"/>
    <dgm:cxn modelId="{A4F9B5B3-B595-41CF-AE91-85CA6136F17A}" type="presOf" srcId="{38FE0DDB-A1D4-4723-90B8-3A679C2BCF1C}" destId="{4F4DDE9B-E1C5-4047-8AE4-842CA4BB7377}" srcOrd="0" destOrd="0" presId="urn:microsoft.com/office/officeart/2005/8/layout/default"/>
    <dgm:cxn modelId="{9E9274D7-3E58-47A2-B0F4-337B44BD97FA}" type="presOf" srcId="{52967387-FEAC-4D4C-A8C9-9DE034F15874}" destId="{D8D63D31-9AB0-4304-A1D9-CDDCDCC3095A}" srcOrd="0" destOrd="0" presId="urn:microsoft.com/office/officeart/2005/8/layout/default"/>
    <dgm:cxn modelId="{95DA65DD-6B85-491A-A886-766C1C2BB8F3}" srcId="{AB5149F4-EDF0-4044-8BAE-4BFCDC0E9A7F}" destId="{7003DB90-6A51-49F5-9EA6-8A96BFCE4D1A}" srcOrd="0" destOrd="0" parTransId="{FD58DF11-B601-421C-8B8F-7DDB88576715}" sibTransId="{A250D115-7FB2-4B38-A85C-085226EC8261}"/>
    <dgm:cxn modelId="{90B3588B-B757-4982-A256-24EBB990953C}" type="presParOf" srcId="{B85156D1-1195-4B7A-8177-CA6C3351E44D}" destId="{D4FCECF9-77D4-4788-AFC5-1E32C359BEA6}" srcOrd="0" destOrd="0" presId="urn:microsoft.com/office/officeart/2005/8/layout/default"/>
    <dgm:cxn modelId="{8B45D62E-033D-492B-A93F-C6D68BC02C5D}" type="presParOf" srcId="{B85156D1-1195-4B7A-8177-CA6C3351E44D}" destId="{8BC99F79-3FCA-445A-BAB4-3834736E7077}" srcOrd="1" destOrd="0" presId="urn:microsoft.com/office/officeart/2005/8/layout/default"/>
    <dgm:cxn modelId="{F99CB447-0E30-4BA6-8120-41DA9DAFA9B2}" type="presParOf" srcId="{B85156D1-1195-4B7A-8177-CA6C3351E44D}" destId="{4F4DDE9B-E1C5-4047-8AE4-842CA4BB7377}" srcOrd="2" destOrd="0" presId="urn:microsoft.com/office/officeart/2005/8/layout/default"/>
    <dgm:cxn modelId="{E8CAFA14-502A-4BE0-92BB-BAD3B5101091}" type="presParOf" srcId="{B85156D1-1195-4B7A-8177-CA6C3351E44D}" destId="{2C1A064C-8BCE-4CC2-AFF1-2F4EE8103B9F}" srcOrd="3" destOrd="0" presId="urn:microsoft.com/office/officeart/2005/8/layout/default"/>
    <dgm:cxn modelId="{8927826C-07F5-43CC-85E2-FC103A922637}" type="presParOf" srcId="{B85156D1-1195-4B7A-8177-CA6C3351E44D}" destId="{D8D63D31-9AB0-4304-A1D9-CDDCDCC3095A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A06933-DF17-432B-872A-177D285A2F54}">
      <dsp:nvSpPr>
        <dsp:cNvPr id="0" name=""/>
        <dsp:cNvSpPr/>
      </dsp:nvSpPr>
      <dsp:spPr>
        <a:xfrm>
          <a:off x="426301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3B50A9A-D0C3-4A44-ACEA-56B0DC0FD821}">
      <dsp:nvSpPr>
        <dsp:cNvPr id="0" name=""/>
        <dsp:cNvSpPr/>
      </dsp:nvSpPr>
      <dsp:spPr>
        <a:xfrm>
          <a:off x="674926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68FEEF-D7B3-4397-A066-B6627ADC273D}">
      <dsp:nvSpPr>
        <dsp:cNvPr id="0" name=""/>
        <dsp:cNvSpPr/>
      </dsp:nvSpPr>
      <dsp:spPr>
        <a:xfrm>
          <a:off x="53364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British Prime Minister Margaret Thatcher used this to identify the internal informer</a:t>
          </a:r>
        </a:p>
      </dsp:txBody>
      <dsp:txXfrm>
        <a:off x="53364" y="2810809"/>
        <a:ext cx="1912500" cy="1793806"/>
      </dsp:txXfrm>
    </dsp:sp>
    <dsp:sp modelId="{F647DF90-D1DD-4A75-B608-4048DD1ADE7C}">
      <dsp:nvSpPr>
        <dsp:cNvPr id="0" name=""/>
        <dsp:cNvSpPr/>
      </dsp:nvSpPr>
      <dsp:spPr>
        <a:xfrm>
          <a:off x="2673489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881C818-63C9-4A7F-A325-4C6F3856F7AE}">
      <dsp:nvSpPr>
        <dsp:cNvPr id="0" name=""/>
        <dsp:cNvSpPr/>
      </dsp:nvSpPr>
      <dsp:spPr>
        <a:xfrm>
          <a:off x="2922114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C8EC096-5F4C-4562-9098-CD8D7EC1436C}">
      <dsp:nvSpPr>
        <dsp:cNvPr id="0" name=""/>
        <dsp:cNvSpPr/>
      </dsp:nvSpPr>
      <dsp:spPr>
        <a:xfrm>
          <a:off x="2300551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US and USSR were transmitting information about nuclear facilities on public channels without revealing the receiver location</a:t>
          </a:r>
        </a:p>
      </dsp:txBody>
      <dsp:txXfrm>
        <a:off x="2300551" y="2810809"/>
        <a:ext cx="1912500" cy="1793806"/>
      </dsp:txXfrm>
    </dsp:sp>
    <dsp:sp modelId="{DEB65286-3977-42AD-B788-5EC0BB5CF7FD}">
      <dsp:nvSpPr>
        <dsp:cNvPr id="0" name=""/>
        <dsp:cNvSpPr/>
      </dsp:nvSpPr>
      <dsp:spPr>
        <a:xfrm>
          <a:off x="4920677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6836EE-EC18-435A-B0E7-EB81BDCEEC4C}">
      <dsp:nvSpPr>
        <dsp:cNvPr id="0" name=""/>
        <dsp:cNvSpPr/>
      </dsp:nvSpPr>
      <dsp:spPr>
        <a:xfrm>
          <a:off x="5169302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EB52D6D-9E57-4D67-9A68-577BDB5C7FB2}">
      <dsp:nvSpPr>
        <dsp:cNvPr id="0" name=""/>
        <dsp:cNvSpPr/>
      </dsp:nvSpPr>
      <dsp:spPr>
        <a:xfrm>
          <a:off x="4547739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800" kern="1200" dirty="0"/>
            <a:t>You may not be the only one reading your private messages on social media, steganography can stop it</a:t>
          </a:r>
        </a:p>
      </dsp:txBody>
      <dsp:txXfrm>
        <a:off x="4547739" y="2810809"/>
        <a:ext cx="1912500" cy="179380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BE70CA-91D0-4918-B74E-79BA14F4FF12}">
      <dsp:nvSpPr>
        <dsp:cNvPr id="0" name=""/>
        <dsp:cNvSpPr/>
      </dsp:nvSpPr>
      <dsp:spPr>
        <a:xfrm>
          <a:off x="0" y="718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04B0AE-9C62-4A72-B878-9B90499B73C9}">
      <dsp:nvSpPr>
        <dsp:cNvPr id="0" name=""/>
        <dsp:cNvSpPr/>
      </dsp:nvSpPr>
      <dsp:spPr>
        <a:xfrm>
          <a:off x="508544" y="378974"/>
          <a:ext cx="924626" cy="924626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B64A857-0E25-4EBB-BE5F-8D0A7A2E23BA}">
      <dsp:nvSpPr>
        <dsp:cNvPr id="0" name=""/>
        <dsp:cNvSpPr/>
      </dsp:nvSpPr>
      <dsp:spPr>
        <a:xfrm>
          <a:off x="1941716" y="718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Web server running on Linux</a:t>
          </a:r>
        </a:p>
      </dsp:txBody>
      <dsp:txXfrm>
        <a:off x="1941716" y="718"/>
        <a:ext cx="4571887" cy="1681139"/>
      </dsp:txXfrm>
    </dsp:sp>
    <dsp:sp modelId="{38F210EA-638C-4332-AE85-41AB6C51AEBB}">
      <dsp:nvSpPr>
        <dsp:cNvPr id="0" name=""/>
        <dsp:cNvSpPr/>
      </dsp:nvSpPr>
      <dsp:spPr>
        <a:xfrm>
          <a:off x="0" y="2102143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CBCF4A-751A-45C9-866E-C2F3F6E54183}">
      <dsp:nvSpPr>
        <dsp:cNvPr id="0" name=""/>
        <dsp:cNvSpPr/>
      </dsp:nvSpPr>
      <dsp:spPr>
        <a:xfrm>
          <a:off x="508544" y="2480399"/>
          <a:ext cx="924626" cy="924626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2BA8035-B535-4E74-840B-E2737420C214}">
      <dsp:nvSpPr>
        <dsp:cNvPr id="0" name=""/>
        <dsp:cNvSpPr/>
      </dsp:nvSpPr>
      <dsp:spPr>
        <a:xfrm>
          <a:off x="1941716" y="2102143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Highly scalable</a:t>
          </a:r>
        </a:p>
      </dsp:txBody>
      <dsp:txXfrm>
        <a:off x="1941716" y="2102143"/>
        <a:ext cx="4571887" cy="1681139"/>
      </dsp:txXfrm>
    </dsp:sp>
    <dsp:sp modelId="{4F59AF1F-03F9-42A7-A657-86BB5A1CF607}">
      <dsp:nvSpPr>
        <dsp:cNvPr id="0" name=""/>
        <dsp:cNvSpPr/>
      </dsp:nvSpPr>
      <dsp:spPr>
        <a:xfrm>
          <a:off x="0" y="4203567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C0EB26-CBEC-4F5E-B46C-41297344EFE3}">
      <dsp:nvSpPr>
        <dsp:cNvPr id="0" name=""/>
        <dsp:cNvSpPr/>
      </dsp:nvSpPr>
      <dsp:spPr>
        <a:xfrm>
          <a:off x="508544" y="4581824"/>
          <a:ext cx="924626" cy="924626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6C81ECA-F303-44D5-96BA-9740B9689002}">
      <dsp:nvSpPr>
        <dsp:cNvPr id="0" name=""/>
        <dsp:cNvSpPr/>
      </dsp:nvSpPr>
      <dsp:spPr>
        <a:xfrm>
          <a:off x="1941716" y="4203567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Custom Linux Kernel drivers developed for hardware components</a:t>
          </a:r>
        </a:p>
      </dsp:txBody>
      <dsp:txXfrm>
        <a:off x="1941716" y="4203567"/>
        <a:ext cx="4571887" cy="168113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4FCECF9-77D4-4788-AFC5-1E32C359BEA6}">
      <dsp:nvSpPr>
        <dsp:cNvPr id="0" name=""/>
        <dsp:cNvSpPr/>
      </dsp:nvSpPr>
      <dsp:spPr>
        <a:xfrm>
          <a:off x="0" y="853586"/>
          <a:ext cx="3184453" cy="191067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Parallelization more the encryption and decryption to get better performances</a:t>
          </a:r>
          <a:endParaRPr lang="en-US" sz="2700" kern="1200"/>
        </a:p>
      </dsp:txBody>
      <dsp:txXfrm>
        <a:off x="0" y="853586"/>
        <a:ext cx="3184453" cy="1910672"/>
      </dsp:txXfrm>
    </dsp:sp>
    <dsp:sp modelId="{4F4DDE9B-E1C5-4047-8AE4-842CA4BB7377}">
      <dsp:nvSpPr>
        <dsp:cNvPr id="0" name=""/>
        <dsp:cNvSpPr/>
      </dsp:nvSpPr>
      <dsp:spPr>
        <a:xfrm>
          <a:off x="3502899" y="853586"/>
          <a:ext cx="3184453" cy="191067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Optimize architecture </a:t>
          </a:r>
          <a:endParaRPr lang="en-US" sz="2700" kern="1200"/>
        </a:p>
      </dsp:txBody>
      <dsp:txXfrm>
        <a:off x="3502899" y="853586"/>
        <a:ext cx="3184453" cy="1910672"/>
      </dsp:txXfrm>
    </dsp:sp>
    <dsp:sp modelId="{D8D63D31-9AB0-4304-A1D9-CDDCDCC3095A}">
      <dsp:nvSpPr>
        <dsp:cNvPr id="0" name=""/>
        <dsp:cNvSpPr/>
      </dsp:nvSpPr>
      <dsp:spPr>
        <a:xfrm>
          <a:off x="7005798" y="853586"/>
          <a:ext cx="3184453" cy="191067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Accelerate multiple video algorithms </a:t>
          </a:r>
          <a:endParaRPr lang="en-US" sz="2700" kern="1200"/>
        </a:p>
      </dsp:txBody>
      <dsp:txXfrm>
        <a:off x="7005798" y="853586"/>
        <a:ext cx="3184453" cy="191067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LeafLabelList">
  <dgm:title val="Icon Leaf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round2DiagRect" r:blip="">
            <dgm:adjLst/>
            <dgm:extLst>
              <a:ext uri="{B698B0E9-8C71-41B9-8309-B3DCBF30829C}">
                <dgm1612:spPr xmlns:dgm1612="http://schemas.microsoft.com/office/drawing/2016/12/diagram">
                  <a:prstGeom prst="round2DiagRect">
                    <a:avLst>
                      <a:gd name="adj1" fmla="val 29727"/>
                      <a:gd name="adj2" fmla="val 0"/>
                    </a:avLst>
                  </a:prstGeom>
                </dgm1612:spPr>
              </a:ext>
            </dgm:ext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A3CDE88-7802-48BE-8E12-DC442707DF1A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5464438-DCAE-4F9B-937A-9E29788DC0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9768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0" name="Shape 32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1" name="Shape 32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3305798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6" name="Shape 32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27" name="Shape 32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2" name="Shape 33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In order to develop this we have used: POZE CU LOGOURI SI ZENZORI &lt;- DE ADAUGAT</a:t>
            </a: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333" name="Shape 33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2874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4615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653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 4">
  <p:cSld name="Custom layout 4">
    <p:bg>
      <p:bgPr>
        <a:solidFill>
          <a:srgbClr val="2D3142"/>
        </a:solidFill>
        <a:effectLst/>
      </p:bgPr>
    </p:bg>
    <p:spTree>
      <p:nvGrpSpPr>
        <p:cNvPr id="1" name="Shape 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Shape 56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7" name="Shape 57"/>
          <p:cNvSpPr/>
          <p:nvPr/>
        </p:nvSpPr>
        <p:spPr>
          <a:xfrm>
            <a:off x="448772" y="444133"/>
            <a:ext cx="11294400" cy="6007600"/>
          </a:xfrm>
          <a:prstGeom prst="rect">
            <a:avLst/>
          </a:prstGeom>
          <a:solidFill>
            <a:schemeClr val="dk1"/>
          </a:solidFill>
          <a:ln w="952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8" name="Shape 58"/>
          <p:cNvSpPr/>
          <p:nvPr/>
        </p:nvSpPr>
        <p:spPr>
          <a:xfrm>
            <a:off x="188967" y="875735"/>
            <a:ext cx="11814000" cy="51444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9" name="Shape 59"/>
          <p:cNvSpPr txBox="1">
            <a:spLocks noGrp="1"/>
          </p:cNvSpPr>
          <p:nvPr>
            <p:ph type="title"/>
          </p:nvPr>
        </p:nvSpPr>
        <p:spPr>
          <a:xfrm>
            <a:off x="1084351" y="1303233"/>
            <a:ext cx="5669600" cy="21220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000"/>
              <a:buNone/>
              <a:defRPr sz="4000" b="1">
                <a:solidFill>
                  <a:srgbClr val="F2D7EE"/>
                </a:solidFill>
              </a:defRPr>
            </a:lvl1pPr>
            <a:lvl2pPr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2pPr>
            <a:lvl3pPr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3pPr>
            <a:lvl4pPr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4pPr>
            <a:lvl5pPr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5pPr>
            <a:lvl6pPr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6pPr>
            <a:lvl7pPr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7pPr>
            <a:lvl8pPr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8pPr>
            <a:lvl9pPr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0" name="Shape 60"/>
          <p:cNvSpPr txBox="1">
            <a:spLocks noGrp="1"/>
          </p:cNvSpPr>
          <p:nvPr>
            <p:ph type="body" idx="1"/>
          </p:nvPr>
        </p:nvSpPr>
        <p:spPr>
          <a:xfrm>
            <a:off x="1084351" y="3535300"/>
            <a:ext cx="5669600" cy="20552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marL="609585" lvl="0" indent="-423323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1400"/>
              <a:buChar char="●"/>
              <a:defRPr sz="1867">
                <a:solidFill>
                  <a:srgbClr val="F2D7EE"/>
                </a:solidFill>
              </a:defRPr>
            </a:lvl1pPr>
            <a:lvl2pPr marL="1219170" lvl="1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2pPr>
            <a:lvl3pPr marL="1828754" lvl="2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3pPr>
            <a:lvl4pPr marL="2438339" lvl="3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4pPr>
            <a:lvl5pPr marL="3047924" lvl="4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5pPr>
            <a:lvl6pPr marL="3657509" lvl="5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6pPr>
            <a:lvl7pPr marL="4267093" lvl="6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7pPr>
            <a:lvl8pPr marL="4876678" lvl="7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8pPr>
            <a:lvl9pPr marL="5486263" lvl="8" indent="-406390" algn="l" rtl="0">
              <a:lnSpc>
                <a:spcPct val="115000"/>
              </a:lnSpc>
              <a:spcBef>
                <a:spcPts val="2133"/>
              </a:spcBef>
              <a:spcAft>
                <a:spcPts val="2133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1" name="Shape 61"/>
          <p:cNvSpPr txBox="1">
            <a:spLocks noGrp="1"/>
          </p:cNvSpPr>
          <p:nvPr>
            <p:ph type="sldNum" idx="12"/>
          </p:nvPr>
        </p:nvSpPr>
        <p:spPr>
          <a:xfrm>
            <a:off x="11330665" y="6251679"/>
            <a:ext cx="731600" cy="5248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1pPr>
            <a:lvl2pPr lvl="1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2pPr>
            <a:lvl3pPr lvl="2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3pPr>
            <a:lvl4pPr lvl="3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4pPr>
            <a:lvl5pPr lvl="4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5pPr>
            <a:lvl6pPr lvl="5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6pPr>
            <a:lvl7pPr lvl="6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7pPr>
            <a:lvl8pPr lvl="7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8pPr>
            <a:lvl9pPr lvl="8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9pPr>
          </a:lstStyle>
          <a:p>
            <a:fld id="{00000000-1234-1234-1234-123412341234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7274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15538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1043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96111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3023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9891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7213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794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1747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2505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gi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image" Target="../media/image23.gif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1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jpg"/><Relationship Id="rId13" Type="http://schemas.openxmlformats.org/officeDocument/2006/relationships/image" Target="../media/image34.jpg"/><Relationship Id="rId3" Type="http://schemas.openxmlformats.org/officeDocument/2006/relationships/image" Target="../media/image24.png"/><Relationship Id="rId7" Type="http://schemas.openxmlformats.org/officeDocument/2006/relationships/image" Target="../media/image28.jpg"/><Relationship Id="rId12" Type="http://schemas.openxmlformats.org/officeDocument/2006/relationships/image" Target="../media/image33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7.png"/><Relationship Id="rId11" Type="http://schemas.openxmlformats.org/officeDocument/2006/relationships/image" Target="../media/image32.png"/><Relationship Id="rId5" Type="http://schemas.openxmlformats.org/officeDocument/2006/relationships/image" Target="../media/image26.png"/><Relationship Id="rId15" Type="http://schemas.microsoft.com/office/2007/relationships/hdphoto" Target="../media/hdphoto1.wdp"/><Relationship Id="rId10" Type="http://schemas.openxmlformats.org/officeDocument/2006/relationships/image" Target="../media/image31.jpg"/><Relationship Id="rId4" Type="http://schemas.openxmlformats.org/officeDocument/2006/relationships/image" Target="../media/image25.png"/><Relationship Id="rId9" Type="http://schemas.openxmlformats.org/officeDocument/2006/relationships/image" Target="../media/image30.png"/><Relationship Id="rId1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0B27210-D0CA-4654-B3E3-9ABB4F178E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E0ADC8-5CD4-4261-B6F4-17FA60BF68F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6628" y="1783959"/>
            <a:ext cx="4645250" cy="2889114"/>
          </a:xfrm>
        </p:spPr>
        <p:txBody>
          <a:bodyPr anchor="b">
            <a:norm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Beyond Visio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7AE759-F654-42D7-ACAD-8A4DD3B92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746627" y="4750893"/>
            <a:ext cx="4645250" cy="1147863"/>
          </a:xfrm>
        </p:spPr>
        <p:txBody>
          <a:bodyPr anchor="t">
            <a:normAutofit/>
          </a:bodyPr>
          <a:lstStyle/>
          <a:p>
            <a:pPr algn="l"/>
            <a:r>
              <a:rPr lang="en-US" sz="1900">
                <a:solidFill>
                  <a:schemeClr val="bg1"/>
                </a:solidFill>
              </a:rPr>
              <a:t>Beniamin</a:t>
            </a: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Tech enthusiast &amp;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Hardware researcher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</a:rPr>
              <a:t>3nd</a:t>
            </a:r>
            <a:r>
              <a:rPr lang="en-US" sz="1900" b="0" i="0" u="none" strike="noStrike" cap="none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 year Computer engineering student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algn="l"/>
            <a:endParaRPr lang="en-US" sz="1900">
              <a:solidFill>
                <a:schemeClr val="bg1"/>
              </a:solidFill>
            </a:endParaRP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1DB7C82F-AB7E-4F0C-B829-FA1B9C4151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6172782" cy="6858000"/>
          </a:xfrm>
          <a:custGeom>
            <a:avLst/>
            <a:gdLst>
              <a:gd name="connsiteX0" fmla="*/ 6172782 w 6172782"/>
              <a:gd name="connsiteY0" fmla="*/ 0 h 6858000"/>
              <a:gd name="connsiteX1" fmla="*/ 69075 w 6172782"/>
              <a:gd name="connsiteY1" fmla="*/ 0 h 6858000"/>
              <a:gd name="connsiteX2" fmla="*/ 35131 w 6172782"/>
              <a:gd name="connsiteY2" fmla="*/ 267128 h 6858000"/>
              <a:gd name="connsiteX3" fmla="*/ 0 w 6172782"/>
              <a:gd name="connsiteY3" fmla="*/ 962845 h 6858000"/>
              <a:gd name="connsiteX4" fmla="*/ 3276103 w 6172782"/>
              <a:gd name="connsiteY4" fmla="*/ 6782205 h 6858000"/>
              <a:gd name="connsiteX5" fmla="*/ 3407923 w 6172782"/>
              <a:gd name="connsiteY5" fmla="*/ 6858000 h 6858000"/>
              <a:gd name="connsiteX6" fmla="*/ 6172782 w 6172782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72782" h="6858000">
                <a:moveTo>
                  <a:pt x="6172782" y="0"/>
                </a:moveTo>
                <a:lnTo>
                  <a:pt x="69075" y="0"/>
                </a:lnTo>
                <a:lnTo>
                  <a:pt x="35131" y="267128"/>
                </a:lnTo>
                <a:cubicBezTo>
                  <a:pt x="11901" y="495874"/>
                  <a:pt x="0" y="727970"/>
                  <a:pt x="0" y="962845"/>
                </a:cubicBezTo>
                <a:cubicBezTo>
                  <a:pt x="0" y="3429034"/>
                  <a:pt x="1312002" y="5588789"/>
                  <a:pt x="3276103" y="6782205"/>
                </a:cubicBezTo>
                <a:lnTo>
                  <a:pt x="3407923" y="6858000"/>
                </a:lnTo>
                <a:lnTo>
                  <a:pt x="6172782" y="6858000"/>
                </a:lnTo>
                <a:close/>
              </a:path>
            </a:pathLst>
          </a:custGeom>
          <a:solidFill>
            <a:schemeClr val="bg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0B66945-4967-4040-926D-DCA44313CD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6024154" cy="6858000"/>
          </a:xfrm>
          <a:custGeom>
            <a:avLst/>
            <a:gdLst>
              <a:gd name="connsiteX0" fmla="*/ 0 w 6024154"/>
              <a:gd name="connsiteY0" fmla="*/ 0 h 6858000"/>
              <a:gd name="connsiteX1" fmla="*/ 5953780 w 6024154"/>
              <a:gd name="connsiteY1" fmla="*/ 0 h 6858000"/>
              <a:gd name="connsiteX2" fmla="*/ 5989880 w 6024154"/>
              <a:gd name="connsiteY2" fmla="*/ 284091 h 6858000"/>
              <a:gd name="connsiteX3" fmla="*/ 6024154 w 6024154"/>
              <a:gd name="connsiteY3" fmla="*/ 962844 h 6858000"/>
              <a:gd name="connsiteX4" fmla="*/ 2549934 w 6024154"/>
              <a:gd name="connsiteY4" fmla="*/ 6800152 h 6858000"/>
              <a:gd name="connsiteX5" fmla="*/ 2436987 w 6024154"/>
              <a:gd name="connsiteY5" fmla="*/ 6858000 h 6858000"/>
              <a:gd name="connsiteX6" fmla="*/ 0 w 6024154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24154" h="6858000">
                <a:moveTo>
                  <a:pt x="0" y="0"/>
                </a:moveTo>
                <a:lnTo>
                  <a:pt x="5953780" y="0"/>
                </a:lnTo>
                <a:lnTo>
                  <a:pt x="5989880" y="284091"/>
                </a:lnTo>
                <a:cubicBezTo>
                  <a:pt x="6012544" y="507260"/>
                  <a:pt x="6024154" y="733696"/>
                  <a:pt x="6024154" y="962844"/>
                </a:cubicBezTo>
                <a:cubicBezTo>
                  <a:pt x="6024154" y="3483472"/>
                  <a:pt x="4619336" y="5675986"/>
                  <a:pt x="2549934" y="6800152"/>
                </a:cubicBezTo>
                <a:lnTo>
                  <a:pt x="2436987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Shape 217" descr="A person posing for the camera  Description generated with very high confidence">
            <a:extLst>
              <a:ext uri="{FF2B5EF4-FFF2-40B4-BE49-F238E27FC236}">
                <a16:creationId xmlns:a16="http://schemas.microsoft.com/office/drawing/2014/main" id="{C0C1DD19-F92E-48C0-9857-7C2A3F3143A2}"/>
              </a:ext>
            </a:extLst>
          </p:cNvPr>
          <p:cNvPicPr preferRelativeResize="0"/>
          <p:nvPr/>
        </p:nvPicPr>
        <p:blipFill rotWithShape="1">
          <a:blip r:embed="rId2">
            <a:extLst/>
          </a:blip>
          <a:stretch/>
        </p:blipFill>
        <p:spPr>
          <a:xfrm>
            <a:off x="419382" y="720993"/>
            <a:ext cx="4047843" cy="4047843"/>
          </a:xfrm>
          <a:prstGeom prst="rect">
            <a:avLst/>
          </a:prstGeom>
          <a:noFill/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F886215-BBAB-4AE4-8C6F-F50082FC2BCC}"/>
              </a:ext>
            </a:extLst>
          </p:cNvPr>
          <p:cNvSpPr txBox="1"/>
          <p:nvPr/>
        </p:nvSpPr>
        <p:spPr>
          <a:xfrm>
            <a:off x="321155" y="6014544"/>
            <a:ext cx="2195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dvisor:</a:t>
            </a:r>
          </a:p>
          <a:p>
            <a:r>
              <a:rPr lang="en-US" dirty="0"/>
              <a:t>Alin Grama</a:t>
            </a:r>
          </a:p>
        </p:txBody>
      </p:sp>
    </p:spTree>
    <p:extLst>
      <p:ext uri="{BB962C8B-B14F-4D97-AF65-F5344CB8AC3E}">
        <p14:creationId xmlns:p14="http://schemas.microsoft.com/office/powerpoint/2010/main" val="2033026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 fontScale="85000" lnSpcReduction="10000"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Video Processing unit on Nexys Video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527464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HDMI 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roadcast it via HDMI o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Custom Linux Kernel driver </a:t>
            </a:r>
            <a:r>
              <a:rPr lang="en-US" dirty="0"/>
              <a:t>to interact with VDM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36 times faster</a:t>
            </a:r>
          </a:p>
        </p:txBody>
      </p:sp>
      <p:graphicFrame>
        <p:nvGraphicFramePr>
          <p:cNvPr id="7" name="Object 10">
            <a:extLst>
              <a:ext uri="{FF2B5EF4-FFF2-40B4-BE49-F238E27FC236}">
                <a16:creationId xmlns:a16="http://schemas.microsoft.com/office/drawing/2014/main" id="{F4681059-611A-429F-8109-439AE5E1AD3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43708608"/>
              </p:ext>
            </p:extLst>
          </p:nvPr>
        </p:nvGraphicFramePr>
        <p:xfrm>
          <a:off x="5523433" y="2322432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68651706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753252F-4873-4F63-801D-CC719279A7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47C8CCB-F95D-4249-92DD-651249D3535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2013557" cy="6858000"/>
          </a:xfrm>
          <a:prstGeom prst="rect">
            <a:avLst/>
          </a:prstGeom>
          <a:solidFill>
            <a:srgbClr val="7F7F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rgbClr val="262626"/>
          </a:solidFill>
          <a:ln w="174625" cmpd="thinThick">
            <a:solidFill>
              <a:srgbClr val="262626"/>
            </a:solidFill>
          </a:ln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600" b="0" i="0" u="none" strike="noStrike" kern="1200" cap="none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So how does it work?</a:t>
            </a:r>
            <a:endParaRPr lang="en-US" sz="2600" b="0" i="0" u="none" strike="noStrike" kern="1200" cap="none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971D482-FC87-4F68-BABC-CD9057E1BA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38600" y="1198964"/>
            <a:ext cx="7188199" cy="4456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802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>
            <a:extLst>
              <a:ext uri="{FF2B5EF4-FFF2-40B4-BE49-F238E27FC236}">
                <a16:creationId xmlns:a16="http://schemas.microsoft.com/office/drawing/2014/main" id="{B63096D4-385F-4F3F-B6AE-DCE3A80D22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48025" y="135255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6" name="Object 4">
            <a:extLst>
              <a:ext uri="{FF2B5EF4-FFF2-40B4-BE49-F238E27FC236}">
                <a16:creationId xmlns:a16="http://schemas.microsoft.com/office/drawing/2014/main" id="{298A9ADB-DDB2-43EE-A554-0831640B75B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0481074"/>
              </p:ext>
            </p:extLst>
          </p:nvPr>
        </p:nvGraphicFramePr>
        <p:xfrm>
          <a:off x="551543" y="1716200"/>
          <a:ext cx="3994150" cy="42799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Shape 276">
            <a:extLst>
              <a:ext uri="{FF2B5EF4-FFF2-40B4-BE49-F238E27FC236}">
                <a16:creationId xmlns:a16="http://schemas.microsoft.com/office/drawing/2014/main" id="{82EFAA2C-4A53-4907-8DDA-631BB2ED242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1904302" y="312401"/>
            <a:ext cx="8665826" cy="67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dirty="0">
                <a:solidFill>
                  <a:srgbClr val="FFFFFF"/>
                </a:solidFill>
              </a:rPr>
              <a:t>Performance 	</a:t>
            </a:r>
            <a:r>
              <a:rPr lang="en-GB" dirty="0">
                <a:solidFill>
                  <a:schemeClr val="accent2"/>
                </a:solidFill>
              </a:rPr>
              <a:t>&gt; 300% faster</a:t>
            </a:r>
            <a:endParaRPr dirty="0">
              <a:solidFill>
                <a:schemeClr val="accent2"/>
              </a:solidFill>
            </a:endParaRPr>
          </a:p>
        </p:txBody>
      </p:sp>
      <p:sp>
        <p:nvSpPr>
          <p:cNvPr id="10" name="Rectangle 5">
            <a:extLst>
              <a:ext uri="{FF2B5EF4-FFF2-40B4-BE49-F238E27FC236}">
                <a16:creationId xmlns:a16="http://schemas.microsoft.com/office/drawing/2014/main" id="{1913BE1A-CF93-4AB1-8ED0-8383CECCFFBE}"/>
              </a:ext>
            </a:extLst>
          </p:cNvPr>
          <p:cNvSpPr>
            <a:spLocks noChangeArrowheads="1"/>
          </p:cNvSpPr>
          <p:nvPr/>
        </p:nvSpPr>
        <p:spPr bwMode="auto">
          <a:xfrm>
            <a:off x="968375" y="312401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2" name="Object 10">
            <a:extLst>
              <a:ext uri="{FF2B5EF4-FFF2-40B4-BE49-F238E27FC236}">
                <a16:creationId xmlns:a16="http://schemas.microsoft.com/office/drawing/2014/main" id="{9EDCBDF1-FE0D-42EB-90F1-BE3F5C14F82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26912407"/>
              </p:ext>
            </p:extLst>
          </p:nvPr>
        </p:nvGraphicFramePr>
        <p:xfrm>
          <a:off x="5700486" y="1767000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259661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owchart: Document 14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hape 276">
            <a:extLst>
              <a:ext uri="{FF2B5EF4-FFF2-40B4-BE49-F238E27FC236}">
                <a16:creationId xmlns:a16="http://schemas.microsoft.com/office/drawing/2014/main" id="{3E1D97FC-9E03-47C9-A938-DAE038DB4EA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lvl="0" indent="0">
              <a:spcAft>
                <a:spcPts val="0"/>
              </a:spcAft>
            </a:pPr>
            <a:r>
              <a:rPr lang="en-US" sz="32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mparison</a:t>
            </a:r>
          </a:p>
        </p:txBody>
      </p:sp>
      <p:graphicFrame>
        <p:nvGraphicFramePr>
          <p:cNvPr id="9" name="Shape 277">
            <a:extLst>
              <a:ext uri="{FF2B5EF4-FFF2-40B4-BE49-F238E27FC236}">
                <a16:creationId xmlns:a16="http://schemas.microsoft.com/office/drawing/2014/main" id="{FC89E78F-AD4E-4E1E-BBE6-F6514093E21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67548319"/>
              </p:ext>
            </p:extLst>
          </p:nvPr>
        </p:nvGraphicFramePr>
        <p:xfrm>
          <a:off x="4207933" y="1154471"/>
          <a:ext cx="7347539" cy="4550037"/>
        </p:xfrm>
        <a:graphic>
          <a:graphicData uri="http://schemas.openxmlformats.org/drawingml/2006/table">
            <a:tbl>
              <a:tblPr>
                <a:noFill/>
              </a:tblPr>
              <a:tblGrid>
                <a:gridCol w="2710079">
                  <a:extLst>
                    <a:ext uri="{9D8B030D-6E8A-4147-A177-3AD203B41FA5}">
                      <a16:colId xmlns:a16="http://schemas.microsoft.com/office/drawing/2014/main" val="3889809729"/>
                    </a:ext>
                  </a:extLst>
                </a:gridCol>
                <a:gridCol w="229571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3417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289021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800" b="1">
                        <a:solidFill>
                          <a:schemeClr val="tx1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b="1">
                          <a:solidFill>
                            <a:schemeClr val="tx1"/>
                          </a:solidFill>
                        </a:rPr>
                        <a:t>Medium computer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</a:rPr>
                        <a:t>CPU + Memory + Motherboard + Power supply + Storage + Cas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b="1">
                          <a:solidFill>
                            <a:srgbClr val="FFFF00"/>
                          </a:solidFill>
                        </a:rPr>
                        <a:t>ARM/FPGA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GB" sz="2700">
                        <a:solidFill>
                          <a:srgbClr val="FFFF00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ric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chemeClr val="tx1"/>
                          </a:solidFill>
                        </a:rPr>
                        <a:t>&gt; 20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rgbClr val="FFFF00"/>
                          </a:solidFill>
                        </a:rPr>
                        <a:t>16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ower on load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300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4.1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28279917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Monthly cost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 2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1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14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97120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10">
            <a:extLst>
              <a:ext uri="{FF2B5EF4-FFF2-40B4-BE49-F238E27FC236}">
                <a16:creationId xmlns:a16="http://schemas.microsoft.com/office/drawing/2014/main" id="{8A5B6D9B-1EE3-4BA3-8813-987063233BD6}"/>
              </a:ext>
            </a:extLst>
          </p:cNvPr>
          <p:cNvSpPr txBox="1"/>
          <p:nvPr/>
        </p:nvSpPr>
        <p:spPr>
          <a:xfrm>
            <a:off x="268560" y="26172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sz="3600" b="0" i="0" u="none" strike="noStrike" cap="none" dirty="0">
                <a:solidFill>
                  <a:srgbClr val="EEFF41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?</a:t>
            </a:r>
            <a:endParaRPr sz="4400" b="0" i="0" u="none" strike="noStrike" cap="none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AAF1AAD-0206-48FB-89E0-CF8DC7B8EF9F}"/>
              </a:ext>
            </a:extLst>
          </p:cNvPr>
          <p:cNvSpPr/>
          <p:nvPr/>
        </p:nvSpPr>
        <p:spPr>
          <a:xfrm>
            <a:off x="268560" y="1449924"/>
            <a:ext cx="5023465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ardware accelerated: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ryptography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algorithms (RSA)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age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ound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rue random number generator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or generating certificates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xternal HDMI video processor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chemeClr val="accent2"/>
              </a:solidFill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asily integrated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ith exposed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PI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hat App integrated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eal time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operating system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rivers for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inux Kernel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eveloped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6BD15AD-767E-4B92-9BBF-88A68B1D243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25" y="1015999"/>
            <a:ext cx="6631415" cy="37301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78246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Shape 323"/>
          <p:cNvSpPr txBox="1"/>
          <p:nvPr/>
        </p:nvSpPr>
        <p:spPr>
          <a:xfrm>
            <a:off x="491460" y="68289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velopment Stages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70EF4E1-1057-4FDB-91CA-946FFF183A34}"/>
              </a:ext>
            </a:extLst>
          </p:cNvPr>
          <p:cNvSpPr/>
          <p:nvPr/>
        </p:nvSpPr>
        <p:spPr>
          <a:xfrm>
            <a:off x="491460" y="998291"/>
            <a:ext cx="1663405" cy="229071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Exploring possibilities</a:t>
            </a: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and research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E3A4B60-F588-4A55-B2EF-E13E306433EC}"/>
              </a:ext>
            </a:extLst>
          </p:cNvPr>
          <p:cNvSpPr/>
          <p:nvPr/>
        </p:nvSpPr>
        <p:spPr>
          <a:xfrm>
            <a:off x="295821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HDMI processing unit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767988-7FE7-4CC5-9599-0286E694F1E9}"/>
              </a:ext>
            </a:extLst>
          </p:cNvPr>
          <p:cNvSpPr/>
          <p:nvPr/>
        </p:nvSpPr>
        <p:spPr>
          <a:xfrm>
            <a:off x="526429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Build hardware for Linux Kern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6C4C56A-850A-4011-8403-8039394C3029}"/>
              </a:ext>
            </a:extLst>
          </p:cNvPr>
          <p:cNvSpPr/>
          <p:nvPr/>
        </p:nvSpPr>
        <p:spPr>
          <a:xfrm>
            <a:off x="766961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FFFF00"/>
              </a:solidFill>
            </a:endParaRP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Modifying and compiling Linux</a:t>
            </a:r>
          </a:p>
          <a:p>
            <a:pPr algn="ctr"/>
            <a:endParaRPr lang="en-US" sz="2400" dirty="0">
              <a:solidFill>
                <a:srgbClr val="FFFF00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7582794-6C27-495C-9A85-505590A281A4}"/>
              </a:ext>
            </a:extLst>
          </p:cNvPr>
          <p:cNvSpPr/>
          <p:nvPr/>
        </p:nvSpPr>
        <p:spPr>
          <a:xfrm>
            <a:off x="1003713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Linux module to work with HDMI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379F5B-6795-492B-8BC4-3A8628699096}"/>
              </a:ext>
            </a:extLst>
          </p:cNvPr>
          <p:cNvSpPr/>
          <p:nvPr/>
        </p:nvSpPr>
        <p:spPr>
          <a:xfrm>
            <a:off x="491460" y="3825379"/>
            <a:ext cx="1663405" cy="276836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encryption and decrypt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61211F3-A10F-49D0-9266-E864127C95E3}"/>
              </a:ext>
            </a:extLst>
          </p:cNvPr>
          <p:cNvSpPr/>
          <p:nvPr/>
        </p:nvSpPr>
        <p:spPr>
          <a:xfrm>
            <a:off x="2958215" y="3825379"/>
            <a:ext cx="1663405" cy="27380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random generator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90C2D9E-661C-4445-965E-5EA2500A9D2C}"/>
              </a:ext>
            </a:extLst>
          </p:cNvPr>
          <p:cNvSpPr/>
          <p:nvPr/>
        </p:nvSpPr>
        <p:spPr>
          <a:xfrm>
            <a:off x="5264298" y="3825368"/>
            <a:ext cx="1663405" cy="273808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Web service 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80BCA48-F66B-4DD2-8549-D9CB87C033F9}"/>
              </a:ext>
            </a:extLst>
          </p:cNvPr>
          <p:cNvSpPr/>
          <p:nvPr/>
        </p:nvSpPr>
        <p:spPr>
          <a:xfrm>
            <a:off x="7669618" y="3844271"/>
            <a:ext cx="1793164" cy="270027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Presentat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2374313-3A0B-4FF3-8BD0-C2B2E73F689E}"/>
              </a:ext>
            </a:extLst>
          </p:cNvPr>
          <p:cNvSpPr/>
          <p:nvPr/>
        </p:nvSpPr>
        <p:spPr>
          <a:xfrm>
            <a:off x="10037135" y="3825368"/>
            <a:ext cx="1663405" cy="27191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solidFill>
                  <a:srgbClr val="FFFF00"/>
                </a:solidFill>
              </a:rPr>
              <a:t>Refactoring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86BA119B-B391-4593-BB7D-64D021D604C0}"/>
              </a:ext>
            </a:extLst>
          </p:cNvPr>
          <p:cNvCxnSpPr>
            <a:cxnSpLocks/>
            <a:stCxn id="2" idx="3"/>
            <a:endCxn id="5" idx="1"/>
          </p:cNvCxnSpPr>
          <p:nvPr/>
        </p:nvCxnSpPr>
        <p:spPr>
          <a:xfrm>
            <a:off x="2154865" y="2143648"/>
            <a:ext cx="80335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4815F62A-9250-4545-8DD4-E2097444895B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4621620" y="2143648"/>
            <a:ext cx="642678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1DE59C25-4429-4FD8-9C2D-00D708CA4F8F}"/>
              </a:ext>
            </a:extLst>
          </p:cNvPr>
          <p:cNvCxnSpPr>
            <a:cxnSpLocks/>
            <a:stCxn id="6" idx="3"/>
            <a:endCxn id="7" idx="1"/>
          </p:cNvCxnSpPr>
          <p:nvPr/>
        </p:nvCxnSpPr>
        <p:spPr>
          <a:xfrm>
            <a:off x="6927703" y="2143648"/>
            <a:ext cx="74191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ECB27ED9-1CC9-4E31-91D5-96879F28EFA8}"/>
              </a:ext>
            </a:extLst>
          </p:cNvPr>
          <p:cNvCxnSpPr>
            <a:cxnSpLocks/>
            <a:stCxn id="7" idx="3"/>
            <a:endCxn id="8" idx="1"/>
          </p:cNvCxnSpPr>
          <p:nvPr/>
        </p:nvCxnSpPr>
        <p:spPr>
          <a:xfrm>
            <a:off x="9333023" y="2143648"/>
            <a:ext cx="7041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C1A1584-BB2B-462E-95B2-E849B49F77CE}"/>
              </a:ext>
            </a:extLst>
          </p:cNvPr>
          <p:cNvCxnSpPr/>
          <p:nvPr/>
        </p:nvCxnSpPr>
        <p:spPr>
          <a:xfrm>
            <a:off x="2154865" y="5131981"/>
            <a:ext cx="85344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7ED4F9F-3F8D-4E13-BF8A-EE27B1881035}"/>
              </a:ext>
            </a:extLst>
          </p:cNvPr>
          <p:cNvCxnSpPr>
            <a:cxnSpLocks/>
          </p:cNvCxnSpPr>
          <p:nvPr/>
        </p:nvCxnSpPr>
        <p:spPr>
          <a:xfrm>
            <a:off x="4621620" y="5131981"/>
            <a:ext cx="6426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2F28235C-10B7-4278-B80B-0DCC5E4E4131}"/>
              </a:ext>
            </a:extLst>
          </p:cNvPr>
          <p:cNvCxnSpPr>
            <a:cxnSpLocks/>
          </p:cNvCxnSpPr>
          <p:nvPr/>
        </p:nvCxnSpPr>
        <p:spPr>
          <a:xfrm>
            <a:off x="6927703" y="5113079"/>
            <a:ext cx="741915" cy="1890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4A855F-5C3A-4E1F-9314-4EFEB772BA61}"/>
              </a:ext>
            </a:extLst>
          </p:cNvPr>
          <p:cNvCxnSpPr>
            <a:cxnSpLocks/>
          </p:cNvCxnSpPr>
          <p:nvPr/>
        </p:nvCxnSpPr>
        <p:spPr>
          <a:xfrm>
            <a:off x="9462782" y="5113079"/>
            <a:ext cx="574353" cy="1890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50E2027E-0800-44C3-AE09-DF6DF14F96D1}"/>
              </a:ext>
            </a:extLst>
          </p:cNvPr>
          <p:cNvCxnSpPr>
            <a:cxnSpLocks/>
            <a:stCxn id="8" idx="3"/>
            <a:endCxn id="9" idx="1"/>
          </p:cNvCxnSpPr>
          <p:nvPr/>
        </p:nvCxnSpPr>
        <p:spPr>
          <a:xfrm flipH="1">
            <a:off x="491460" y="2143648"/>
            <a:ext cx="11209080" cy="3065915"/>
          </a:xfrm>
          <a:prstGeom prst="bentConnector5">
            <a:avLst>
              <a:gd name="adj1" fmla="val -2039"/>
              <a:gd name="adj2" fmla="val 46105"/>
              <a:gd name="adj3" fmla="val 102039"/>
            </a:avLst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180421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925" name="OTLSHAPE_T_fe82a054eb724851a93f6a606432bfac_HorizontalConnector1"/>
          <p:cNvCxnSpPr>
            <a:cxnSpLocks/>
            <a:endCxn id="5984" idx="1"/>
          </p:cNvCxnSpPr>
          <p:nvPr>
            <p:custDataLst>
              <p:tags r:id="rId2"/>
            </p:custDataLst>
          </p:nvPr>
        </p:nvCxnSpPr>
        <p:spPr>
          <a:xfrm flipV="1">
            <a:off x="101149" y="6654600"/>
            <a:ext cx="7546242" cy="391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4" name="OTLSHAPE_T_23b42cadd9bc437fb739c68c62737c3a_HorizontalConnector1"/>
          <p:cNvCxnSpPr>
            <a:cxnSpLocks/>
            <a:endCxn id="5976" idx="1"/>
          </p:cNvCxnSpPr>
          <p:nvPr>
            <p:custDataLst>
              <p:tags r:id="rId3"/>
            </p:custDataLst>
          </p:nvPr>
        </p:nvCxnSpPr>
        <p:spPr>
          <a:xfrm>
            <a:off x="117237" y="6018281"/>
            <a:ext cx="6717903" cy="346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>
            <a:cxnSpLocks/>
            <a:endCxn id="5968" idx="1"/>
          </p:cNvCxnSpPr>
          <p:nvPr>
            <p:custDataLst>
              <p:tags r:id="rId4"/>
            </p:custDataLst>
          </p:nvPr>
        </p:nvCxnSpPr>
        <p:spPr>
          <a:xfrm>
            <a:off x="117237" y="5750194"/>
            <a:ext cx="4809580" cy="405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>
            <a:cxnSpLocks/>
            <a:endCxn id="5960" idx="1"/>
          </p:cNvCxnSpPr>
          <p:nvPr>
            <p:custDataLst>
              <p:tags r:id="rId5"/>
            </p:custDataLst>
          </p:nvPr>
        </p:nvCxnSpPr>
        <p:spPr>
          <a:xfrm>
            <a:off x="123937" y="5497981"/>
            <a:ext cx="3607258" cy="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>
            <a:cxnSpLocks/>
            <a:endCxn id="5952" idx="1"/>
          </p:cNvCxnSpPr>
          <p:nvPr>
            <p:custDataLst>
              <p:tags r:id="rId6"/>
            </p:custDataLst>
          </p:nvPr>
        </p:nvCxnSpPr>
        <p:spPr>
          <a:xfrm>
            <a:off x="101149" y="5197744"/>
            <a:ext cx="16411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9" name="OTLSHAPE_M_c4141af3ac38465cb53fcc7f7a4aa9f5_Connector1"/>
          <p:cNvCxnSpPr/>
          <p:nvPr>
            <p:custDataLst>
              <p:tags r:id="rId7"/>
            </p:custDataLst>
          </p:nvPr>
        </p:nvCxnSpPr>
        <p:spPr>
          <a:xfrm>
            <a:off x="10761027" y="3733981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8" name="OTLSHAPE_M_04072b436b4048c09d492665495c5db4_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5082706" y="3923443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6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936937" y="3755056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5229" y="4227955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07224" y="42269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29555" y="4175955"/>
            <a:ext cx="10477663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29553" y="4480755"/>
            <a:ext cx="10015623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0888026" y="457822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10775384" y="46967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3055" y="427342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3087051" y="42509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194957" y="426792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589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5289306" y="422692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389943" y="42629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89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7279455" y="423856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7344669" y="427342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590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9063150" y="42734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9198265" y="428360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590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10532479" y="426485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10589678" y="429100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926" name="OTLSHAPE_M_6ae31c99f6864aae840de110566ea63d_Title"/>
          <p:cNvSpPr txBox="1"/>
          <p:nvPr>
            <p:custDataLst>
              <p:tags r:id="rId27"/>
            </p:custDataLst>
          </p:nvPr>
        </p:nvSpPr>
        <p:spPr>
          <a:xfrm>
            <a:off x="1121086" y="3675456"/>
            <a:ext cx="11638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etition started</a:t>
            </a:r>
          </a:p>
        </p:txBody>
      </p:sp>
      <p:sp>
        <p:nvSpPr>
          <p:cNvPr id="5927" name="OTLSHAPE_M_6ae31c99f6864aae840de110566ea63d_Date"/>
          <p:cNvSpPr txBox="1"/>
          <p:nvPr>
            <p:custDataLst>
              <p:tags r:id="rId28"/>
            </p:custDataLst>
          </p:nvPr>
        </p:nvSpPr>
        <p:spPr>
          <a:xfrm>
            <a:off x="1121087" y="3845921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5928" name="OTLSHAPE_M_6ae31c99f6864aae840de110566ea63d_Shape"/>
          <p:cNvSpPr/>
          <p:nvPr>
            <p:custDataLst>
              <p:tags r:id="rId29"/>
            </p:custDataLst>
          </p:nvPr>
        </p:nvSpPr>
        <p:spPr>
          <a:xfrm rot="16200000">
            <a:off x="962337" y="3755056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M_04072b436b4048c09d492665495c5db4_Title"/>
          <p:cNvSpPr txBox="1"/>
          <p:nvPr>
            <p:custDataLst>
              <p:tags r:id="rId30"/>
            </p:custDataLst>
          </p:nvPr>
        </p:nvSpPr>
        <p:spPr>
          <a:xfrm>
            <a:off x="5309169" y="39146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Linux</a:t>
            </a:r>
          </a:p>
        </p:txBody>
      </p:sp>
      <p:sp>
        <p:nvSpPr>
          <p:cNvPr id="5934" name="OTLSHAPE_M_04072b436b4048c09d492665495c5db4_Shape"/>
          <p:cNvSpPr/>
          <p:nvPr>
            <p:custDataLst>
              <p:tags r:id="rId31"/>
            </p:custDataLst>
          </p:nvPr>
        </p:nvSpPr>
        <p:spPr>
          <a:xfrm rot="16200000">
            <a:off x="5100173" y="392007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1" name="OTLSHAPE_M_c4141af3ac38465cb53fcc7f7a4aa9f5_Title"/>
          <p:cNvSpPr txBox="1"/>
          <p:nvPr>
            <p:custDataLst>
              <p:tags r:id="rId32"/>
            </p:custDataLst>
          </p:nvPr>
        </p:nvSpPr>
        <p:spPr>
          <a:xfrm>
            <a:off x="10945176" y="3654381"/>
            <a:ext cx="9602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inal evaluation </a:t>
            </a:r>
          </a:p>
        </p:txBody>
      </p:sp>
      <p:sp>
        <p:nvSpPr>
          <p:cNvPr id="5942" name="OTLSHAPE_M_c4141af3ac38465cb53fcc7f7a4aa9f5_Date"/>
          <p:cNvSpPr txBox="1"/>
          <p:nvPr>
            <p:custDataLst>
              <p:tags r:id="rId33"/>
            </p:custDataLst>
          </p:nvPr>
        </p:nvSpPr>
        <p:spPr>
          <a:xfrm>
            <a:off x="10945177" y="3824846"/>
            <a:ext cx="397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05</a:t>
            </a:r>
          </a:p>
        </p:txBody>
      </p:sp>
      <p:sp>
        <p:nvSpPr>
          <p:cNvPr id="5943" name="OTLSHAPE_M_c4141af3ac38465cb53fcc7f7a4aa9f5_Shape"/>
          <p:cNvSpPr/>
          <p:nvPr>
            <p:custDataLst>
              <p:tags r:id="rId34"/>
            </p:custDataLst>
          </p:nvPr>
        </p:nvSpPr>
        <p:spPr>
          <a:xfrm rot="16200000">
            <a:off x="10786427" y="3733981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4" name="OTLSHAPE_T_11a5fd20169a4e5aa0bed048dba08ff2_Shape"/>
          <p:cNvSpPr/>
          <p:nvPr>
            <p:custDataLst>
              <p:tags r:id="rId35"/>
            </p:custDataLst>
          </p:nvPr>
        </p:nvSpPr>
        <p:spPr>
          <a:xfrm>
            <a:off x="948129" y="4736554"/>
            <a:ext cx="2150114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Research</a:t>
            </a:r>
          </a:p>
        </p:txBody>
      </p:sp>
      <p:sp>
        <p:nvSpPr>
          <p:cNvPr id="5945" name="OTLSHAPE_T_11a5fd20169a4e5aa0bed048dba08ff2_ShapePercentage" hidden="1"/>
          <p:cNvSpPr/>
          <p:nvPr>
            <p:custDataLst>
              <p:tags r:id="rId36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6" name="OTLSHAPE_T_11a5fd20169a4e5aa0bed048dba08ff2_Duration" hidden="1"/>
          <p:cNvSpPr txBox="1"/>
          <p:nvPr>
            <p:custDataLst>
              <p:tags r:id="rId37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39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40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41"/>
            </p:custDataLst>
          </p:nvPr>
        </p:nvSpPr>
        <p:spPr>
          <a:xfrm>
            <a:off x="3206149" y="476893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Dec  7 - Jan 1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42"/>
            </p:custDataLst>
          </p:nvPr>
        </p:nvSpPr>
        <p:spPr>
          <a:xfrm>
            <a:off x="134940" y="4645295"/>
            <a:ext cx="584550" cy="338554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  <a:p>
            <a:endParaRPr lang="en-GB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23c152327d314e958e11ca251f33fb49_Shape"/>
          <p:cNvSpPr/>
          <p:nvPr>
            <p:custDataLst>
              <p:tags r:id="rId43"/>
            </p:custDataLst>
          </p:nvPr>
        </p:nvSpPr>
        <p:spPr>
          <a:xfrm>
            <a:off x="1742344" y="5096144"/>
            <a:ext cx="2725287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processing unit</a:t>
            </a:r>
          </a:p>
        </p:txBody>
      </p:sp>
      <p:sp>
        <p:nvSpPr>
          <p:cNvPr id="5953" name="OTLSHAPE_T_23c152327d314e958e11ca251f33fb49_ShapePercentage" hidden="1"/>
          <p:cNvSpPr/>
          <p:nvPr>
            <p:custDataLst>
              <p:tags r:id="rId44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4" name="OTLSHAPE_T_23c152327d314e958e11ca251f33fb49_Duration" hidden="1"/>
          <p:cNvSpPr txBox="1"/>
          <p:nvPr>
            <p:custDataLst>
              <p:tags r:id="rId45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47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48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49"/>
            </p:custDataLst>
          </p:nvPr>
        </p:nvSpPr>
        <p:spPr>
          <a:xfrm>
            <a:off x="4654055" y="5127197"/>
            <a:ext cx="8943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10 - Jan 18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50"/>
            </p:custDataLst>
          </p:nvPr>
        </p:nvSpPr>
        <p:spPr>
          <a:xfrm>
            <a:off x="134940" y="5015061"/>
            <a:ext cx="1338542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processing unit </a:t>
            </a:r>
          </a:p>
        </p:txBody>
      </p:sp>
      <p:sp>
        <p:nvSpPr>
          <p:cNvPr id="5960" name="OTLSHAPE_T_f23e460505c24ee88159b421b810b7e4_Shape"/>
          <p:cNvSpPr/>
          <p:nvPr>
            <p:custDataLst>
              <p:tags r:id="rId51"/>
            </p:custDataLst>
          </p:nvPr>
        </p:nvSpPr>
        <p:spPr>
          <a:xfrm>
            <a:off x="3731195" y="5428799"/>
            <a:ext cx="1338541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Linux Kernel </a:t>
            </a:r>
          </a:p>
        </p:txBody>
      </p:sp>
      <p:sp>
        <p:nvSpPr>
          <p:cNvPr id="5961" name="OTLSHAPE_T_f23e460505c24ee88159b421b810b7e4_ShapePercentage" hidden="1"/>
          <p:cNvSpPr/>
          <p:nvPr>
            <p:custDataLst>
              <p:tags r:id="rId52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2" name="OTLSHAPE_T_f23e460505c24ee88159b421b810b7e4_Duration" hidden="1"/>
          <p:cNvSpPr txBox="1"/>
          <p:nvPr>
            <p:custDataLst>
              <p:tags r:id="rId53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55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5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57"/>
            </p:custDataLst>
          </p:nvPr>
        </p:nvSpPr>
        <p:spPr>
          <a:xfrm>
            <a:off x="5201508" y="5458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an 25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58"/>
            </p:custDataLst>
          </p:nvPr>
        </p:nvSpPr>
        <p:spPr>
          <a:xfrm>
            <a:off x="134940" y="5311742"/>
            <a:ext cx="2186438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Linux Kernel Hardware + Modifying</a:t>
            </a:r>
          </a:p>
        </p:txBody>
      </p:sp>
      <p:sp>
        <p:nvSpPr>
          <p:cNvPr id="5968" name="OTLSHAPE_T_82d1b7aae77d41a2be14d69f5e501b1b_Shape"/>
          <p:cNvSpPr/>
          <p:nvPr>
            <p:custDataLst>
              <p:tags r:id="rId59"/>
            </p:custDataLst>
          </p:nvPr>
        </p:nvSpPr>
        <p:spPr>
          <a:xfrm>
            <a:off x="4926817" y="5689144"/>
            <a:ext cx="2338365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Driver</a:t>
            </a:r>
          </a:p>
        </p:txBody>
      </p:sp>
      <p:sp>
        <p:nvSpPr>
          <p:cNvPr id="5969" name="OTLSHAPE_T_82d1b7aae77d41a2be14d69f5e501b1b_ShapePercentage" hidden="1"/>
          <p:cNvSpPr/>
          <p:nvPr>
            <p:custDataLst>
              <p:tags r:id="rId60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0" name="OTLSHAPE_T_82d1b7aae77d41a2be14d69f5e501b1b_Duration" hidden="1"/>
          <p:cNvSpPr txBox="1"/>
          <p:nvPr>
            <p:custDataLst>
              <p:tags r:id="rId61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6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64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65"/>
            </p:custDataLst>
          </p:nvPr>
        </p:nvSpPr>
        <p:spPr>
          <a:xfrm>
            <a:off x="7477303" y="571007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3 - Mar 1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66"/>
            </p:custDataLst>
          </p:nvPr>
        </p:nvSpPr>
        <p:spPr>
          <a:xfrm>
            <a:off x="134940" y="5561626"/>
            <a:ext cx="1338542" cy="1692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driver</a:t>
            </a:r>
          </a:p>
        </p:txBody>
      </p:sp>
      <p:sp>
        <p:nvSpPr>
          <p:cNvPr id="5976" name="OTLSHAPE_T_23b42cadd9bc437fb739c68c62737c3a_Shape"/>
          <p:cNvSpPr/>
          <p:nvPr>
            <p:custDataLst>
              <p:tags r:id="rId67"/>
            </p:custDataLst>
          </p:nvPr>
        </p:nvSpPr>
        <p:spPr>
          <a:xfrm>
            <a:off x="6835140" y="5951355"/>
            <a:ext cx="1424126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 dirty="0"/>
              <a:t> Steganography</a:t>
            </a:r>
          </a:p>
        </p:txBody>
      </p:sp>
      <p:sp>
        <p:nvSpPr>
          <p:cNvPr id="5977" name="OTLSHAPE_T_23b42cadd9bc437fb739c68c62737c3a_ShapePercentage" hidden="1"/>
          <p:cNvSpPr/>
          <p:nvPr>
            <p:custDataLst>
              <p:tags r:id="rId68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8" name="OTLSHAPE_T_23b42cadd9bc437fb739c68c62737c3a_Duration" hidden="1"/>
          <p:cNvSpPr txBox="1"/>
          <p:nvPr>
            <p:custDataLst>
              <p:tags r:id="rId69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979" name="OTLSHAPE_T_23b42cadd9bc437fb739c68c62737c3a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0" name="OTLSHAPE_T_23b42cadd9bc437fb739c68c62737c3a_StartDate" hidden="1"/>
          <p:cNvSpPr txBox="1"/>
          <p:nvPr>
            <p:custDataLst>
              <p:tags r:id="rId71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1" name="OTLSHAPE_T_23b42cadd9bc437fb739c68c62737c3a_EndDate" hidden="1"/>
          <p:cNvSpPr txBox="1"/>
          <p:nvPr>
            <p:custDataLst>
              <p:tags r:id="rId72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23b42cadd9bc437fb739c68c62737c3a_JoinedDate"/>
          <p:cNvSpPr txBox="1"/>
          <p:nvPr>
            <p:custDataLst>
              <p:tags r:id="rId73"/>
            </p:custDataLst>
          </p:nvPr>
        </p:nvSpPr>
        <p:spPr>
          <a:xfrm>
            <a:off x="8320514" y="5989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- Mar 15</a:t>
            </a:r>
          </a:p>
        </p:txBody>
      </p:sp>
      <p:sp>
        <p:nvSpPr>
          <p:cNvPr id="5983" name="OTLSHAPE_T_23b42cadd9bc437fb739c68c62737c3a_Title"/>
          <p:cNvSpPr txBox="1"/>
          <p:nvPr>
            <p:custDataLst>
              <p:tags r:id="rId74"/>
            </p:custDataLst>
          </p:nvPr>
        </p:nvSpPr>
        <p:spPr>
          <a:xfrm>
            <a:off x="104858" y="5815541"/>
            <a:ext cx="163748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Software Steganography</a:t>
            </a:r>
          </a:p>
        </p:txBody>
      </p:sp>
      <p:sp>
        <p:nvSpPr>
          <p:cNvPr id="5984" name="OTLSHAPE_T_fe82a054eb724851a93f6a606432bfac_Shape"/>
          <p:cNvSpPr/>
          <p:nvPr>
            <p:custDataLst>
              <p:tags r:id="rId75"/>
            </p:custDataLst>
          </p:nvPr>
        </p:nvSpPr>
        <p:spPr>
          <a:xfrm>
            <a:off x="7647391" y="6553000"/>
            <a:ext cx="3370896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dirty="0"/>
              <a:t>Merging + Documentation + Presentation</a:t>
            </a:r>
          </a:p>
        </p:txBody>
      </p:sp>
      <p:sp>
        <p:nvSpPr>
          <p:cNvPr id="5985" name="OTLSHAPE_T_fe82a054eb724851a93f6a606432bfac_ShapePercentage" hidden="1"/>
          <p:cNvSpPr/>
          <p:nvPr>
            <p:custDataLst>
              <p:tags r:id="rId76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6" name="OTLSHAPE_T_fe82a054eb724851a93f6a606432bfac_Duration" hidden="1"/>
          <p:cNvSpPr txBox="1"/>
          <p:nvPr>
            <p:custDataLst>
              <p:tags r:id="rId77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0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1"/>
            </p:custDataLst>
          </p:nvPr>
        </p:nvSpPr>
        <p:spPr>
          <a:xfrm>
            <a:off x="11082044" y="659542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r 1 - May 5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2"/>
            </p:custDataLst>
          </p:nvPr>
        </p:nvSpPr>
        <p:spPr>
          <a:xfrm>
            <a:off x="117237" y="6502962"/>
            <a:ext cx="2388772" cy="169277"/>
          </a:xfrm>
          <a:prstGeom prst="rect">
            <a:avLst/>
          </a:prstGeom>
          <a:ln>
            <a:noFill/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ocumentation + Presentation</a:t>
            </a:r>
          </a:p>
        </p:txBody>
      </p:sp>
      <p:cxnSp>
        <p:nvCxnSpPr>
          <p:cNvPr id="129" name="OTLSHAPE_T_f23e460505c24ee88159b421b810b7e4_HorizontalConnector1">
            <a:extLst>
              <a:ext uri="{FF2B5EF4-FFF2-40B4-BE49-F238E27FC236}">
                <a16:creationId xmlns:a16="http://schemas.microsoft.com/office/drawing/2014/main" id="{4FAF299F-A570-4FF2-80E1-04C0653DB61A}"/>
              </a:ext>
            </a:extLst>
          </p:cNvPr>
          <p:cNvCxnSpPr>
            <a:cxnSpLocks/>
            <a:endCxn id="130" idx="1"/>
          </p:cNvCxnSpPr>
          <p:nvPr>
            <p:custDataLst>
              <p:tags r:id="rId83"/>
            </p:custDataLst>
          </p:nvPr>
        </p:nvCxnSpPr>
        <p:spPr>
          <a:xfrm flipV="1">
            <a:off x="134940" y="6356240"/>
            <a:ext cx="7130242" cy="71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f23e460505c24ee88159b421b810b7e4_Shape">
            <a:extLst>
              <a:ext uri="{FF2B5EF4-FFF2-40B4-BE49-F238E27FC236}">
                <a16:creationId xmlns:a16="http://schemas.microsoft.com/office/drawing/2014/main" id="{2733CA17-B66F-4BBC-8D47-1A483426AD6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265182" y="6227157"/>
            <a:ext cx="3193268" cy="258165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100" dirty="0"/>
              <a:t>Encrypter + Decrypter + Random Generator + Drivers</a:t>
            </a:r>
          </a:p>
        </p:txBody>
      </p:sp>
      <p:sp>
        <p:nvSpPr>
          <p:cNvPr id="131" name="OTLSHAPE_T_f23e460505c24ee88159b421b810b7e4_JoinedDate">
            <a:extLst>
              <a:ext uri="{FF2B5EF4-FFF2-40B4-BE49-F238E27FC236}">
                <a16:creationId xmlns:a16="http://schemas.microsoft.com/office/drawing/2014/main" id="{26BAA7EE-F8CC-4DEC-9675-61917161D8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19818" y="623238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7 - Apr 24</a:t>
            </a:r>
          </a:p>
        </p:txBody>
      </p:sp>
      <p:sp>
        <p:nvSpPr>
          <p:cNvPr id="132" name="OTLSHAPE_T_f23e460505c24ee88159b421b810b7e4_Title">
            <a:extLst>
              <a:ext uri="{FF2B5EF4-FFF2-40B4-BE49-F238E27FC236}">
                <a16:creationId xmlns:a16="http://schemas.microsoft.com/office/drawing/2014/main" id="{D6938D3A-5CFE-4AEA-A603-F68C37B05E1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2275" y="6154555"/>
            <a:ext cx="272227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Encrypter / Decrypter/ Random</a:t>
            </a:r>
          </a:p>
        </p:txBody>
      </p:sp>
      <p:cxnSp>
        <p:nvCxnSpPr>
          <p:cNvPr id="164" name="OTLSHAPE_T_23c152327d314e958e11ca251f33fb49_HorizontalConnector1">
            <a:extLst>
              <a:ext uri="{FF2B5EF4-FFF2-40B4-BE49-F238E27FC236}">
                <a16:creationId xmlns:a16="http://schemas.microsoft.com/office/drawing/2014/main" id="{8F8254A0-2EE8-4715-9333-D5E36BB3EEDE}"/>
              </a:ext>
            </a:extLst>
          </p:cNvPr>
          <p:cNvCxnSpPr>
            <a:cxnSpLocks/>
            <a:endCxn id="5944" idx="1"/>
          </p:cNvCxnSpPr>
          <p:nvPr>
            <p:custDataLst>
              <p:tags r:id="rId87"/>
            </p:custDataLst>
          </p:nvPr>
        </p:nvCxnSpPr>
        <p:spPr>
          <a:xfrm>
            <a:off x="123937" y="4838154"/>
            <a:ext cx="8241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04072b436b4048c09d492665495c5db4_Connector1">
            <a:extLst>
              <a:ext uri="{FF2B5EF4-FFF2-40B4-BE49-F238E27FC236}">
                <a16:creationId xmlns:a16="http://schemas.microsoft.com/office/drawing/2014/main" id="{A88E09A9-3588-4074-BF91-937D49086143}"/>
              </a:ext>
            </a:extLst>
          </p:cNvPr>
          <p:cNvCxnSpPr>
            <a:cxnSpLocks/>
          </p:cNvCxnSpPr>
          <p:nvPr>
            <p:custDataLst>
              <p:tags r:id="rId88"/>
            </p:custDataLst>
          </p:nvPr>
        </p:nvCxnSpPr>
        <p:spPr>
          <a:xfrm>
            <a:off x="7233557" y="3876274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M_04072b436b4048c09d492665495c5db4_Title">
            <a:extLst>
              <a:ext uri="{FF2B5EF4-FFF2-40B4-BE49-F238E27FC236}">
                <a16:creationId xmlns:a16="http://schemas.microsoft.com/office/drawing/2014/main" id="{CBDED55C-837F-4605-B0DD-F4A6C7B25CE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460019" y="3868053"/>
            <a:ext cx="8604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HDMI in Linux</a:t>
            </a:r>
          </a:p>
        </p:txBody>
      </p:sp>
      <p:sp>
        <p:nvSpPr>
          <p:cNvPr id="184" name="OTLSHAPE_M_04072b436b4048c09d492665495c5db4_Shape">
            <a:extLst>
              <a:ext uri="{FF2B5EF4-FFF2-40B4-BE49-F238E27FC236}">
                <a16:creationId xmlns:a16="http://schemas.microsoft.com/office/drawing/2014/main" id="{157CD371-5A7D-4D4A-9E3B-EE910A9850B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7251024" y="3872910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85" name="OTLSHAPE_M_04072b436b4048c09d492665495c5db4_Connector1">
            <a:extLst>
              <a:ext uri="{FF2B5EF4-FFF2-40B4-BE49-F238E27FC236}">
                <a16:creationId xmlns:a16="http://schemas.microsoft.com/office/drawing/2014/main" id="{EB8D6333-2ABF-4BDE-8943-1302E512E28A}"/>
              </a:ext>
            </a:extLst>
          </p:cNvPr>
          <p:cNvCxnSpPr>
            <a:cxnSpLocks/>
          </p:cNvCxnSpPr>
          <p:nvPr>
            <p:custDataLst>
              <p:tags r:id="rId91"/>
            </p:custDataLst>
          </p:nvPr>
        </p:nvCxnSpPr>
        <p:spPr>
          <a:xfrm>
            <a:off x="9571805" y="3874491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M_04072b436b4048c09d492665495c5db4_Title">
            <a:extLst>
              <a:ext uri="{FF2B5EF4-FFF2-40B4-BE49-F238E27FC236}">
                <a16:creationId xmlns:a16="http://schemas.microsoft.com/office/drawing/2014/main" id="{F4802DEA-866B-4CF6-B3BF-28970B66F8A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07098" y="3838786"/>
            <a:ext cx="7914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working</a:t>
            </a:r>
          </a:p>
        </p:txBody>
      </p:sp>
      <p:sp>
        <p:nvSpPr>
          <p:cNvPr id="187" name="OTLSHAPE_M_04072b436b4048c09d492665495c5db4_Shape">
            <a:extLst>
              <a:ext uri="{FF2B5EF4-FFF2-40B4-BE49-F238E27FC236}">
                <a16:creationId xmlns:a16="http://schemas.microsoft.com/office/drawing/2014/main" id="{EDE568C0-5380-4766-A5CC-B151E035406A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9589272" y="387112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9E93B82-9EC3-466A-9E59-136864C07D29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7621" y="0"/>
            <a:ext cx="7128785" cy="38154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Shape 3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9" name="Shape 329"/>
          <p:cNvSpPr txBox="1">
            <a:spLocks noGrp="1"/>
          </p:cNvSpPr>
          <p:nvPr>
            <p:ph type="title"/>
          </p:nvPr>
        </p:nvSpPr>
        <p:spPr>
          <a:xfrm>
            <a:off x="870204" y="606564"/>
            <a:ext cx="10451592" cy="1325563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en-US" sz="4400">
                <a:solidFill>
                  <a:schemeClr val="tx1"/>
                </a:solidFill>
              </a:rPr>
              <a:t>Further development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A5711A0E-A428-4ED1-96CB-33D69FD842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00874" y="2043803"/>
            <a:ext cx="10190252" cy="80683"/>
          </a:xfrm>
          <a:prstGeom prst="rect">
            <a:avLst/>
          </a:prstGeom>
          <a:solidFill>
            <a:schemeClr val="tx1">
              <a:lumMod val="50000"/>
              <a:lumOff val="50000"/>
              <a:alpha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332" name="Shape 330">
            <a:extLst>
              <a:ext uri="{FF2B5EF4-FFF2-40B4-BE49-F238E27FC236}">
                <a16:creationId xmlns:a16="http://schemas.microsoft.com/office/drawing/2014/main" id="{5EB726E1-FD7F-418A-9741-7CE4B1D91D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9184276"/>
              </p:ext>
            </p:extLst>
          </p:nvPr>
        </p:nvGraphicFramePr>
        <p:xfrm>
          <a:off x="1000874" y="2385390"/>
          <a:ext cx="10190252" cy="3617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5" name="Shape 335"/>
          <p:cNvSpPr txBox="1"/>
          <p:nvPr/>
        </p:nvSpPr>
        <p:spPr>
          <a:xfrm>
            <a:off x="683040" y="232320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b="1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What I used in order to create the platform: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pic>
        <p:nvPicPr>
          <p:cNvPr id="336" name="Shape 33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80160" y="1445280"/>
            <a:ext cx="1303200" cy="1416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7" name="Shape 337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2138880" y="1598400"/>
            <a:ext cx="927840" cy="916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8" name="Shape 338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59783" y="4740480"/>
            <a:ext cx="1666080" cy="16660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9" name="Shape 339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7637280" y="115200"/>
            <a:ext cx="4630560" cy="4630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0" name="Shape 340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6096000" y="5198520"/>
            <a:ext cx="1551360" cy="10588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1" name="Shape 341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2290490" y="4602432"/>
            <a:ext cx="1261842" cy="373728"/>
          </a:xfrm>
          <a:prstGeom prst="rect">
            <a:avLst/>
          </a:prstGeom>
          <a:noFill/>
          <a:ln>
            <a:noFill/>
          </a:ln>
        </p:spPr>
      </p:pic>
      <p:pic>
        <p:nvPicPr>
          <p:cNvPr id="344" name="Shape 344"/>
          <p:cNvPicPr preferRelativeResize="0"/>
          <p:nvPr/>
        </p:nvPicPr>
        <p:blipFill rotWithShape="1">
          <a:blip r:embed="rId9">
            <a:alphaModFix/>
          </a:blip>
          <a:srcRect/>
          <a:stretch/>
        </p:blipFill>
        <p:spPr>
          <a:xfrm>
            <a:off x="1281120" y="3206400"/>
            <a:ext cx="2316000" cy="1078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5" name="Shape 345"/>
          <p:cNvPicPr preferRelativeResize="0"/>
          <p:nvPr/>
        </p:nvPicPr>
        <p:blipFill rotWithShape="1">
          <a:blip r:embed="rId10">
            <a:alphaModFix/>
          </a:blip>
          <a:srcRect/>
          <a:stretch/>
        </p:blipFill>
        <p:spPr>
          <a:xfrm>
            <a:off x="4110040" y="1077977"/>
            <a:ext cx="2500800" cy="816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6" name="Shape 346" descr="See the source image"/>
          <p:cNvPicPr preferRelativeResize="0"/>
          <p:nvPr/>
        </p:nvPicPr>
        <p:blipFill rotWithShape="1">
          <a:blip r:embed="rId11">
            <a:alphaModFix/>
          </a:blip>
          <a:srcRect/>
          <a:stretch/>
        </p:blipFill>
        <p:spPr>
          <a:xfrm>
            <a:off x="3789875" y="4232242"/>
            <a:ext cx="1632480" cy="1632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D8C18045-58A6-4944-8C4A-3D7DF2EE7A5C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853648" y="4244148"/>
            <a:ext cx="2170463" cy="763681"/>
          </a:xfrm>
          <a:prstGeom prst="rect">
            <a:avLst/>
          </a:prstGeom>
        </p:spPr>
      </p:pic>
      <p:pic>
        <p:nvPicPr>
          <p:cNvPr id="4" name="Picture 3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A4D0B99B-F4E7-4415-8547-8C4DCFB7C983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26" t="21600" r="13909" b="30684"/>
          <a:stretch/>
        </p:blipFill>
        <p:spPr>
          <a:xfrm>
            <a:off x="3835223" y="2156526"/>
            <a:ext cx="3655634" cy="1731430"/>
          </a:xfrm>
          <a:prstGeom prst="rect">
            <a:avLst/>
          </a:prstGeom>
        </p:spPr>
      </p:pic>
      <p:pic>
        <p:nvPicPr>
          <p:cNvPr id="3074" name="Picture 2" descr="See the source image">
            <a:extLst>
              <a:ext uri="{FF2B5EF4-FFF2-40B4-BE49-F238E27FC236}">
                <a16:creationId xmlns:a16="http://schemas.microsoft.com/office/drawing/2014/main" id="{24135CA6-10F9-4F30-8F16-D23C0E9291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96574" y="3524017"/>
            <a:ext cx="4052249" cy="35860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8FA7026-B900-4FD9-9E12-C55C60DF76BC}"/>
              </a:ext>
            </a:extLst>
          </p:cNvPr>
          <p:cNvSpPr txBox="1"/>
          <p:nvPr/>
        </p:nvSpPr>
        <p:spPr>
          <a:xfrm>
            <a:off x="2067359" y="6317085"/>
            <a:ext cx="487152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MADE FROM </a:t>
            </a:r>
            <a:r>
              <a:rPr lang="en-US" sz="3200" dirty="0">
                <a:solidFill>
                  <a:schemeClr val="accent2"/>
                </a:solidFill>
              </a:rPr>
              <a:t>SCRATCH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C5D1E-D716-4915-8E78-48DC710F0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929" y="629266"/>
            <a:ext cx="6586491" cy="1676603"/>
          </a:xfrm>
        </p:spPr>
        <p:txBody>
          <a:bodyPr>
            <a:normAutofit/>
          </a:bodyPr>
          <a:lstStyle/>
          <a:p>
            <a:r>
              <a:rPr lang="en-US" dirty="0"/>
              <a:t>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0F5CCD-DD6E-4723-BB75-67178DDA45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930" y="2438400"/>
            <a:ext cx="6586489" cy="378541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Steganography is the art and science of sending covert message and the existence of these messages are only known by the sender and the receiver. </a:t>
            </a:r>
          </a:p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This technique has been practiced for thousands of years.</a:t>
            </a:r>
            <a:endParaRPr lang="en-US" sz="24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9A4DDBA-8DD4-458D-8DC3-AA159E930A3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" b="1250"/>
          <a:stretch/>
        </p:blipFill>
        <p:spPr>
          <a:xfrm>
            <a:off x="7556408" y="10"/>
            <a:ext cx="4635591" cy="6857990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8634318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89B662-E084-45BA-87FF-8591E6B60C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2221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4B20DD-2A16-415A-AF0D-CD674C3C9D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2433" y="1686364"/>
            <a:ext cx="3928187" cy="839756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Highly </a:t>
            </a:r>
            <a:r>
              <a:rPr lang="en-US" dirty="0">
                <a:solidFill>
                  <a:schemeClr val="accent2"/>
                </a:solidFill>
              </a:rPr>
              <a:t>securely</a:t>
            </a:r>
            <a:r>
              <a:rPr lang="en-US" dirty="0"/>
              <a:t> </a:t>
            </a:r>
          </a:p>
        </p:txBody>
      </p:sp>
      <p:pic>
        <p:nvPicPr>
          <p:cNvPr id="5" name="Picture 4" descr="A circuit board&#10;&#10;Description automatically generated">
            <a:extLst>
              <a:ext uri="{FF2B5EF4-FFF2-40B4-BE49-F238E27FC236}">
                <a16:creationId xmlns:a16="http://schemas.microsoft.com/office/drawing/2014/main" id="{3A3A76ED-EA23-4143-B4D3-2AEB34A076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759" y="1447784"/>
            <a:ext cx="4326294" cy="3460191"/>
          </a:xfrm>
          <a:prstGeom prst="rect">
            <a:avLst/>
          </a:prstGeom>
        </p:spPr>
      </p:pic>
      <p:pic>
        <p:nvPicPr>
          <p:cNvPr id="7" name="Picture 6" descr="A close up of a piece of paper&#10;&#10;Description automatically generated">
            <a:extLst>
              <a:ext uri="{FF2B5EF4-FFF2-40B4-BE49-F238E27FC236}">
                <a16:creationId xmlns:a16="http://schemas.microsoft.com/office/drawing/2014/main" id="{AF4C2251-0A78-49C5-95EE-9F2CF078A5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8574" y="3361553"/>
            <a:ext cx="6262642" cy="3131322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E910CEB6-5D5C-42B4-9473-07E968760E8D}"/>
              </a:ext>
            </a:extLst>
          </p:cNvPr>
          <p:cNvSpPr txBox="1">
            <a:spLocks/>
          </p:cNvSpPr>
          <p:nvPr/>
        </p:nvSpPr>
        <p:spPr>
          <a:xfrm>
            <a:off x="865093" y="5455708"/>
            <a:ext cx="4326294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/>
              <a:t>Could be very useful in </a:t>
            </a:r>
            <a:r>
              <a:rPr lang="en-US" dirty="0">
                <a:solidFill>
                  <a:schemeClr val="accent2"/>
                </a:solidFill>
              </a:rPr>
              <a:t>copyright</a:t>
            </a:r>
          </a:p>
        </p:txBody>
      </p:sp>
    </p:spTree>
    <p:extLst>
      <p:ext uri="{BB962C8B-B14F-4D97-AF65-F5344CB8AC3E}">
        <p14:creationId xmlns:p14="http://schemas.microsoft.com/office/powerpoint/2010/main" val="84575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6F31DC-970D-4C37-9033-4640E1D1EB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18332" y="1619194"/>
            <a:ext cx="4430486" cy="116431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Could not be </a:t>
            </a:r>
            <a:r>
              <a:rPr lang="en-US" dirty="0">
                <a:solidFill>
                  <a:schemeClr val="accent2"/>
                </a:solidFill>
              </a:rPr>
              <a:t>traced</a:t>
            </a:r>
          </a:p>
        </p:txBody>
      </p:sp>
      <p:pic>
        <p:nvPicPr>
          <p:cNvPr id="5" name="Picture 4" descr="A close up of a logo&#10;&#10;Description automatically generated">
            <a:extLst>
              <a:ext uri="{FF2B5EF4-FFF2-40B4-BE49-F238E27FC236}">
                <a16:creationId xmlns:a16="http://schemas.microsoft.com/office/drawing/2014/main" id="{D3865C4C-3064-4747-947A-713DFA69BB7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7771" y="993927"/>
            <a:ext cx="4598956" cy="344921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990C06F-3C18-4CDF-9641-AAB9F8E56E8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41"/>
          <a:stretch/>
        </p:blipFill>
        <p:spPr>
          <a:xfrm>
            <a:off x="222291" y="3323772"/>
            <a:ext cx="5611284" cy="3265012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AB79883-1591-4D47-BB4A-6F171878FDA8}"/>
              </a:ext>
            </a:extLst>
          </p:cNvPr>
          <p:cNvSpPr txBox="1">
            <a:spLocks/>
          </p:cNvSpPr>
          <p:nvPr/>
        </p:nvSpPr>
        <p:spPr>
          <a:xfrm>
            <a:off x="6358427" y="5749028"/>
            <a:ext cx="5430416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Allows </a:t>
            </a:r>
            <a:r>
              <a:rPr lang="en-US" dirty="0">
                <a:solidFill>
                  <a:schemeClr val="accent2"/>
                </a:solidFill>
              </a:rPr>
              <a:t>encrypted communicates </a:t>
            </a:r>
            <a:r>
              <a:rPr lang="en-US" dirty="0"/>
              <a:t>without being detected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CE618032-DC99-412B-8FDC-636042799F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86594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</p:spTree>
    <p:extLst>
      <p:ext uri="{BB962C8B-B14F-4D97-AF65-F5344CB8AC3E}">
        <p14:creationId xmlns:p14="http://schemas.microsoft.com/office/powerpoint/2010/main" val="31116792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C3B8ED6-7A77-468E-AD2A-F954EFFDA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 sz="4100">
                <a:solidFill>
                  <a:srgbClr val="FFFFFF"/>
                </a:solidFill>
              </a:rPr>
              <a:t>Is steganography really useful?</a:t>
            </a:r>
          </a:p>
        </p:txBody>
      </p:sp>
      <p:graphicFrame>
        <p:nvGraphicFramePr>
          <p:cNvPr id="12" name="Content Placeholder 2">
            <a:extLst>
              <a:ext uri="{FF2B5EF4-FFF2-40B4-BE49-F238E27FC236}">
                <a16:creationId xmlns:a16="http://schemas.microsoft.com/office/drawing/2014/main" id="{A8A1D2AC-492C-4286-A9F9-737C9E74CD1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81246265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6848472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69651-1667-4901-A9C9-8B514D6977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US" dirty="0"/>
              <a:t>My s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8D18A9-2E45-45DD-B1D7-0008564E38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A </a:t>
            </a:r>
            <a:r>
              <a:rPr lang="en-US" dirty="0">
                <a:solidFill>
                  <a:schemeClr val="accent2"/>
                </a:solidFill>
              </a:rPr>
              <a:t>highly secure server </a:t>
            </a:r>
            <a:r>
              <a:rPr lang="en-US" dirty="0"/>
              <a:t>which is </a:t>
            </a:r>
            <a:r>
              <a:rPr lang="en-US" dirty="0">
                <a:solidFill>
                  <a:schemeClr val="accent2"/>
                </a:solidFill>
              </a:rPr>
              <a:t>hardware accelerated </a:t>
            </a:r>
            <a:r>
              <a:rPr lang="en-US" dirty="0"/>
              <a:t>to </a:t>
            </a:r>
            <a:r>
              <a:rPr lang="en-US" dirty="0">
                <a:solidFill>
                  <a:schemeClr val="accent2"/>
                </a:solidFill>
              </a:rPr>
              <a:t>embed</a:t>
            </a:r>
            <a:r>
              <a:rPr lang="en-US" dirty="0"/>
              <a:t> and extract hidden data inside </a:t>
            </a:r>
            <a:r>
              <a:rPr lang="en-US" dirty="0">
                <a:solidFill>
                  <a:schemeClr val="accent2"/>
                </a:solidFill>
              </a:rPr>
              <a:t>images</a:t>
            </a:r>
            <a:r>
              <a:rPr lang="en-US" dirty="0"/>
              <a:t>, </a:t>
            </a:r>
            <a:r>
              <a:rPr lang="en-US" dirty="0">
                <a:solidFill>
                  <a:schemeClr val="accent2"/>
                </a:solidFill>
              </a:rPr>
              <a:t>sound</a:t>
            </a:r>
            <a:r>
              <a:rPr lang="en-US" dirty="0"/>
              <a:t> and encrypt data faster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E8495F6-DC5E-4CE5-977D-A3623825181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59310" y="2809486"/>
            <a:ext cx="6411985" cy="3606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62923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: Shape 9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01BC02D-A125-4637-B59E-E2AA6DF9C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>
                <a:solidFill>
                  <a:srgbClr val="FFFFFF"/>
                </a:solidFill>
              </a:rPr>
              <a:t>Linux Kernel for Zybo ARM processor</a:t>
            </a:r>
          </a:p>
        </p:txBody>
      </p:sp>
      <p:graphicFrame>
        <p:nvGraphicFramePr>
          <p:cNvPr id="13" name="Content Placeholder 2">
            <a:extLst>
              <a:ext uri="{FF2B5EF4-FFF2-40B4-BE49-F238E27FC236}">
                <a16:creationId xmlns:a16="http://schemas.microsoft.com/office/drawing/2014/main" id="{AB23E2BE-AAE1-4A12-8A85-6768D6D38DA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80428712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7627840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RSA Encrypter/ Decrypter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39231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</a:t>
            </a:r>
            <a:r>
              <a:rPr lang="en-US" dirty="0">
                <a:solidFill>
                  <a:srgbClr val="C00000"/>
                </a:solidFill>
              </a:rPr>
              <a:t>AXI Str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ustom Linux Kernel driver for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250 % faster</a:t>
            </a: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7781" y="2180073"/>
            <a:ext cx="5564188" cy="3648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19649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8471424" y="1110882"/>
            <a:ext cx="3053039" cy="1293626"/>
          </a:xfrm>
          <a:prstGeom prst="ellipse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000" b="0" i="0" u="none" strike="noStrike" cap="none">
                <a:latin typeface="+mj-lt"/>
                <a:ea typeface="+mj-ea"/>
                <a:cs typeface="+mj-cs"/>
                <a:sym typeface="Arial"/>
              </a:rPr>
              <a:t>True Random Number Generator</a:t>
            </a:r>
            <a:endParaRPr lang="en-US" sz="2000" b="0" i="0" u="none" strike="noStrike" cap="none"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95141" y="1221810"/>
            <a:ext cx="6739513" cy="4414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8471423" y="2542939"/>
            <a:ext cx="3053039" cy="36749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2"/>
                </a:solidFill>
              </a:rPr>
              <a:t>Hardware accelerated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Receives </a:t>
            </a:r>
            <a:r>
              <a:rPr lang="en-US" dirty="0">
                <a:solidFill>
                  <a:schemeClr val="accent2"/>
                </a:solidFill>
              </a:rPr>
              <a:t>random locations </a:t>
            </a:r>
            <a:r>
              <a:rPr lang="en-US" dirty="0"/>
              <a:t>from Linux Kernel via AXI Stream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Receives chip temperature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2"/>
                </a:solidFill>
              </a:rPr>
              <a:t>Custom Linux Kernel driver </a:t>
            </a:r>
            <a:r>
              <a:rPr lang="en-US" dirty="0"/>
              <a:t>for it</a:t>
            </a:r>
          </a:p>
        </p:txBody>
      </p:sp>
      <p:sp>
        <p:nvSpPr>
          <p:cNvPr id="71" name="Freeform: Shape 70">
            <a:extLst>
              <a:ext uri="{FF2B5EF4-FFF2-40B4-BE49-F238E27FC236}">
                <a16:creationId xmlns:a16="http://schemas.microsoft.com/office/drawing/2014/main" id="{43573EFB-E773-46FC-B866-B57ED2E3906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flipH="1" flipV="1">
            <a:off x="7983434" y="640080"/>
            <a:ext cx="2296028" cy="3569741"/>
          </a:xfrm>
          <a:custGeom>
            <a:avLst/>
            <a:gdLst>
              <a:gd name="connsiteX0" fmla="*/ 2296028 w 2296028"/>
              <a:gd name="connsiteY0" fmla="*/ 3569741 h 3569741"/>
              <a:gd name="connsiteX1" fmla="*/ 459 w 2296028"/>
              <a:gd name="connsiteY1" fmla="*/ 3569741 h 3569741"/>
              <a:gd name="connsiteX2" fmla="*/ 0 w 2296028"/>
              <a:gd name="connsiteY2" fmla="*/ 3248180 h 3569741"/>
              <a:gd name="connsiteX3" fmla="*/ 2011607 w 2296028"/>
              <a:gd name="connsiteY3" fmla="*/ 3249283 h 3569741"/>
              <a:gd name="connsiteX4" fmla="*/ 2011607 w 2296028"/>
              <a:gd name="connsiteY4" fmla="*/ 0 h 3569741"/>
              <a:gd name="connsiteX5" fmla="*/ 2296028 w 2296028"/>
              <a:gd name="connsiteY5" fmla="*/ 0 h 3569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96028" h="3569741">
                <a:moveTo>
                  <a:pt x="2296028" y="3569741"/>
                </a:moveTo>
                <a:lnTo>
                  <a:pt x="459" y="3569741"/>
                </a:lnTo>
                <a:cubicBezTo>
                  <a:pt x="-459" y="3458756"/>
                  <a:pt x="918" y="3359164"/>
                  <a:pt x="0" y="3248180"/>
                </a:cubicBezTo>
                <a:lnTo>
                  <a:pt x="2011607" y="3249283"/>
                </a:lnTo>
                <a:lnTo>
                  <a:pt x="2011607" y="0"/>
                </a:lnTo>
                <a:lnTo>
                  <a:pt x="2296028" y="0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1830040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5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CwiU2hhcGVUaGlja25lc3MiOjEsIkR1cmF0aW9uRm9ybWF0IjowLCJJbmNsdWRlTm9uV29ya2luZ0RheXNJbkR1cmF0aW9uIjp0cnV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eyIkcmVmIjoiNzAifX0sIkRhdGVTdHlsZSI6eyIkaWQiOiIxNDQiLCJGb250U2V0dGluZ3MiOnsiJGlkIjoiMTQ1IiwiRm9udFNpemUiOjEwLCJGb250TmFtZSI6IkNhbGlicmkiLCJJc0JvbGQiOmZhbHNlLCJJc0l0YWxpYyI6ZmFsc2UsIklzVW5kZXJsaW5lZCI6ZmFsc2UsIlBhcmVudFN0eWxlIjp7IiRyZWYiOiI3OCJ9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i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zUiLCJMaW5lQ29sb3IiOm51bGwsIkxpbmVXZWlnaHQiOjAuMCwiTGluZVR5cGUiOjAsIlBhcmVudFN0eWxlIjpudWxsfSwiUGFyZW50U3R5bGUiOnsiJHJlZiI6IjcwIn19LCJEYXRlU3R5bGUiOnsiJGlkIjoiMTc2IiwiRm9udFNldHRpbmdzIjp7IiRpZCI6IjE3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4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5IiwiTGluZUNvbG9yIjpudWxsLCJMaW5lV2VpZ2h0IjowLjAsIkxpbmVUeXBlIjowLCJQYXJlbnRTdHlsZSI6bnVsbH0sIlBhcmVudFN0eWxlIjp7IiRyZWYiOiI3MCJ9fSwiRGF0ZVN0eWxlIjp7IiRpZCI6IjE5MCIsIkZvbnRTZXR0aW5ncyI6eyIkaWQiOiIxOT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5Mi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DUiLCJMaW5lQ29sb3IiOm51bGwsIkxpbmVXZWlnaHQiOjAuMCwiTGluZVR5cGUiOjAsIlBhcmVudFN0eWxlIjpudWxsfSwiUGFyZW50U3R5bGUiOnsiJHJlZiI6IjcwIn19LCJEYXRlU3R5bGUiOnsiJGlkIjoiMjA2IiwiRm9udFNldHRpbmdzIjp7IiRpZCI6IjIw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xIiwiTGluZUNvbG9yIjpudWxsLCJMaW5lV2VpZ2h0IjowLjAsIkxpbmVUeXBlIjowLCJQYXJlbnRTdHlsZSI6bnVsbH0sIlBhcmVudFN0eWxlIjp7IiRyZWYiOiI3MCJ9fSwiRGF0ZVN0eWxlIjp7IiRpZCI6IjIyMiIsIkZvbnRTZXR0aW5ncyI6eyIkaWQiOiIyMjM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yOSIsIkxpbmVDb2xvciI6bnVsbCwiTGluZVdlaWdodCI6MC4wLCJMaW5lVHlwZSI6MCwiUGFyZW50U3R5bGUiOm51bGx9LCJQYXJlbnRTdHlsZSI6eyIkcmVmIjoiODYifX0sIkR1cmF0aW9uU3R5bGUiOnsiJGlkIjoiMjMwIiwiRm9udFNldHRpbmdzIjp7IiRpZCI6IjIzMSIsIkZvbnRTaXplIjoxMCwiRm9udE5hbWUiOiJDYWxpYnJpIiwiSXNCb2xkIjpmYWxzZSwiSXNJdGFsaWMiOmZhbHNlLCJJc1VuZGVybGluZWQiOmZhbHNlLCJQYXJlbnRTdHlsZSI6eyIkcmVmIjoiOTQifX0sIkF1dG9TaXplIjowLCJGb3JlZ3JvdW5kIjp7IiRpZCI6IjIzMiIsIkNvbG9yIjp7IiRpZCI6IjI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7IiRyZWYiOiI5MyJ9fSwiSG9yaXpvbnRhbENvbm5lY3RvclN0eWxlIjp7IiRpZCI6IjIzNSIsIkxpbmVDb2xvciI6eyIkcmVmIjoiMTAxIn0sIkxpbmVXZWlnaHQiOjEuMCwiTGluZVR5cGUiOjAsIlBhcmVudFN0eWxlIjp7IiRyZWYiOiIxMDAifX0sIlZlcnRpY2FsQ29ubmVjdG9yU3R5bGUiOnsiJGlkIjoiMjM2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M3IiwiTWFyZ2luIjp7IiRyZWYiOiIxMDcifSwiUGFkZGluZyI6eyIkcmVmIjoiMTA4In0sIkJhY2tncm91bmQiOnsiJGlkIjoiMjM4IiwiQ29sb3IiOnsiJGlkIjoiMjM5IiwiQSI6MjU1LCJSIjoyNDcsIkciOjE1MCwiQiI6NzB9fSwiSXNWaXNpYmxlIjp0cnVlLCJXaWR0aCI6MC4wLCJIZWlnaHQiOjE2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eyIkcmVmIjoiMTA2In19LCJUaXRsZVN0eWxlIjp7IiRpZCI6IjI0MyIsIkZvbnRTZXR0aW5ncyI6eyIkaWQiOiIyNDQ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TdHlsZSI6eyIkaWQiOiIyNDYiLCJGb250U2V0dGluZ3MiOnsiJGlkIjoiMjQ3IiwiRm9udFNpemUiOjEwLCJGb250TmFtZSI6IkNhbGlicmkiLCJJc0JvbGQiOmZhbHNlLCJJc0l0YWxpYyI6ZmFsc2UsIklzVW5kZXJsaW5lZCI6ZmFsc2UsIlBhcmVudFN0eWxlIjp7IiRyZWYiOiIxMjIifX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NSIsIkxpbmVDb2xvciI6bnVsbCwiTGluZVdlaWdodCI6MC4wLCJMaW5lVHlwZSI6MCwiUGFyZW50U3R5bGUiOm51bGx9LCJQYXJlbnRTdHlsZSI6eyIkcmVmIjoiODYifX0sIkR1cmF0aW9uU3R5bGUiOnsiJGlkIjoiMjU2IiwiRm9udFNldHRpbmdzIjp7IiRpZCI6IjI1NyIsIkZvbnRTaXplIjoxMCwiRm9udE5hbWUiOiJDYWxpYnJpIiwiSXNCb2xkIjpmYWxzZSwiSXNJdGFsaWMiOmZhbHNlLCJJc1VuZGVybGluZWQiOmZhbHNlLCJQYXJlbnRTdHlsZSI6eyIkcmVmIjoiOTQifX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YwIiwiTGluZUNvbG9yIjpudWxsLCJMaW5lV2VpZ2h0IjowLjAsIkxpbmVUeXBlIjowLCJQYXJlbnRTdHlsZSI6bnVsbH0sIlBhcmVudFN0eWxlIjp7IiRyZWYiOiI5MyJ9fSwiSG9yaXpvbnRhbENvbm5lY3RvclN0eWxlIjp7IiRpZCI6IjI2MSIsIkxpbmVDb2xvciI6eyIkcmVmIjoiMTAxIn0sIkxpbmVXZWlnaHQiOjEuMCwiTGluZVR5cGUiOjAsIlBhcmVudFN0eWxlIjp7IiRyZWYiOiIxMDAifX0sIlZlcnRpY2FsQ29ubmVjdG9yU3R5bGUiOnsiJGlkIjoiMj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YzIiwiTWFyZ2luIjp7IiRyZWYiOiIxMDcifSwiUGFkZGluZyI6eyIkcmVmIjoiMTA4In0sIkJhY2tncm91bmQiOnsiJGlkIjoiMjY0IiwiQ29sb3IiOnsiJGlkIjoiMjY1IiwiQSI6MjU1LCJSIjo3NSwiRyI6MTcyLCJCIjoxOTh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2In19LCJUaXRsZVN0eWxlIjp7IiRpZCI6IjI2OSIsIkZvbnRTZXR0aW5ncyI6eyIkaWQiOiIyNzA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TdHlsZSI6eyIkaWQiOiIyNzIiLCJGb250U2V0dGluZ3MiOnsiJGlkIjoiMjczIiwiRm9udFNpemUiOjEwLCJGb250TmFtZSI6IkNhbGlicmkiLCJJc0JvbGQiOmZhbHNlLCJJc0l0YWxpYyI6ZmFsc2UsIklzVW5kZXJsaW5lZCI6ZmFsc2UsIlBhcmVudFN0eWxlIjp7IiRyZWYiOiIxMjIifX0sIkF1dG9TaXplIjowLCJGb3JlZ3JvdW5kIjp7IiRpZCI6IjI3NCIsIkNvbG9yIjp7IiRpZCI6IjI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c2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4MSIsIkxpbmVDb2xvciI6bnVsbCwiTGluZVdlaWdodCI6MC4wLCJMaW5lVHlwZSI6MCwiUGFyZW50U3R5bGUiOm51bGx9LCJQYXJlbnRTdHlsZSI6eyIkcmVmIjoiODYifX0sIkR1cmF0aW9uU3R5bGUiOnsiJGlkIjoiMjgyIiwiRm9udFNldHRpbmdzIjp7IiRpZCI6IjI4MyIsIkZvbnRTaXplIjoxMCwiRm9udE5hbWUiOiJDYWxpYnJpIiwiSXNCb2xkIjpmYWxzZSwiSXNJdGFsaWMiOmZhbHNlLCJJc1VuZGVybGluZWQiOmZhbHNlLCJQYXJlbnRTdHlsZSI6eyIkcmVmIjoiOTQ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g2IiwiTGluZUNvbG9yIjpudWxsLCJMaW5lV2VpZ2h0IjowLjAsIkxpbmVUeXBlIjowLCJQYXJlbnRTdHlsZSI6bnVsbH0sIlBhcmVudFN0eWxlIjp7IiRyZWYiOiI5MyJ9fSwiSG9yaXpvbnRhbENvbm5lY3RvclN0eWxlIjp7IiRpZCI6IjI4NyIsIkxpbmVDb2xvciI6eyIkcmVmIjoiMTAxIn0sIkxpbmVXZWlnaHQiOjEuMCwiTGluZVR5cGUiOjAsIlBhcmVudFN0eWxlIjp7IiRyZWYiOiIxMDAifX0sIlZlcnRpY2FsQ29ubmVjdG9yU3R5bGUiOnsiJGlkIjoiMjg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g5IiwiTWFyZ2luIjp7IiRyZWYiOiIxMDcifSwiUGFkZGluZyI6eyIkcmVmIjoiMTA4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2In19LCJUaXRsZVN0eWxlIjp7IiRpZCI6IjI5NSIsIkZvbnRTZXR0aW5ncyI6eyIkaWQiOiIyOTY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TdHlsZSI6eyIkaWQiOiIyOTgiLCJGb250U2V0dGluZ3MiOnsiJGlkIjoiMjk5IiwiRm9udFNpemUiOjEwLCJGb250TmFtZSI6IkNhbGlicmkiLCJJc0JvbGQiOmZhbHNlLCJJc0l0YWxpYyI6ZmFsc2UsIklzVW5kZXJsaW5lZCI6ZmFsc2UsIlBhcmVudFN0eWxlIjp7IiRyZWYiOiIxMjI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NyIsIkxpbmVDb2xvciI6bnVsbCwiTGluZVdlaWdodCI6MC4wLCJMaW5lVHlwZSI6MCwiUGFyZW50U3R5bGUiOm51bGx9LCJQYXJlbnRTdHlsZSI6eyIkcmVmIjoiODYifX0sIkR1cmF0aW9uU3R5bGUiOnsiJGlkIjoiMzA4IiwiRm9udFNldHRpbmdzIjp7IiRpZCI6IjMwOSIsIkZvbnRTaXplIjoxMCwiRm9udE5hbWUiOiJDYWxpYnJpIiwiSXNCb2xkIjpmYWxzZSwiSXNJdGFsaWMiOmZhbHNlLCJJc1VuZGVybGluZWQiOmZhbHNlLCJQYXJlbnRTdHlsZSI6eyIkcmVmIjoiOTQifX0sIkF1dG9TaXplIjowLCJGb3JlZ3JvdW5kIjp7IiRpZCI6IjMxMCIsIkNvbG9yIjp7IiRpZCI6IjMx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EyIiwiTGluZUNvbG9yIjpudWxsLCJMaW5lV2VpZ2h0IjowLjAsIkxpbmVUeXBlIjowLCJQYXJlbnRTdHlsZSI6bnVsbH0sIlBhcmVudFN0eWxlIjp7IiRyZWYiOiI5MyJ9fSwiSG9yaXpvbnRhbENvbm5lY3RvclN0eWxlIjp7IiRpZCI6IjMxMyIsIkxpbmVDb2xvciI6eyIkcmVmIjoiMTAxIn0sIkxpbmVXZWlnaHQiOjEuMCwiTGluZVR5cGUiOjAsIlBhcmVudFN0eWxlIjp7IiRyZWYiOiIxMDAifX0sIlZlcnRpY2FsQ29ubmVjdG9yU3R5bGUiOnsiJGlkIjoiMzE0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VN0eWxlIjp7IiRpZCI6IjMyMiIsIkZvbnRTZXR0aW5ncyI6eyIkaWQiOiIzMjMiLCJGb250U2l6ZSI6MTAsIkZvbnROYW1lIjoiQ2FsaWJyaSIsIklzQm9sZCI6ZmFsc2UsIklzSXRhbGljIjpmYWxzZSwiSXNVbmRlcmxpbmVkIjpmYWxzZSwiUGFyZW50U3R5bGUiOnsiJHJlZiI6IjEyMiJ9fSwiQXV0b1NpemUiOjAsIkZvcmVncm91bmQiOnsiJGlkIjoiMzI0IiwiQ29sb3IiOnsiJGlkIjoiMz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Y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I4MmQxYjdhYS1lNzdkLTQxYTItYmUxNC1kNjlmNWU1MDFiMWIiLCJJbXBvcnRJZCI6bnVsbCwiVGl0bGUiOiJUYXNrIDQiLCJOb3RlIjpudWxsLCJIeXBlcmxpbmsiOm51bGwsIklzQ2hhbmdlZCI6ZmFsc2UsIklzTmV3Ijp0cnVlfSx7IiRpZCI6IjMyNyIsIkdyb3VwTmFtZSI6bnVsbCwiU3RhcnREYXRlIjoiMjAxOS0xMC0yMVQwMDowMDowMFoiLCJFbmREYXRlIjoiMjAxOS0xMS0xNVQyMzo1OTowMFoiLCJQZXJjZW50YWdlQ29tcGxldGUiOm51bGw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zMSIsIkxpbmVDb2xvciI6bnVsbCwiTGluZVdlaWdodCI6MC4wLCJMaW5lVHlwZSI6MCwiUGFyZW50U3R5bGUiOm51bGx9LCJQYXJlbnRTdHlsZSI6eyIkcmVmIjoiODYifX0sIkR1cmF0aW9uU3R5bGUiOnsiJGlkIjoiMzMyIiwiRm9udFNldHRpbmdzIjp7IiRpZCI6IjMzMyIsIkZvbnRTaXplIjoxMCwiRm9udE5hbWUiOiJDYWxpYnJpIiwiSXNCb2xkIjpmYWxzZSwiSXNJdGFsaWMiOmZhbHNlLCJJc1VuZGVybGluZWQiOmZhbHNlLCJQYXJlbnRTdHlsZSI6eyIkcmVmIjoiOTQifX0sIkF1dG9TaXplIjowLCJGb3JlZ3JvdW5kIjp7IiRpZCI6IjMzNCIsIkNvbG9yIjp7IiRpZCI6IjM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2IiwiTGluZUNvbG9yIjpudWxsLCJMaW5lV2VpZ2h0IjowLjAsIkxpbmVUeXBlIjowLCJQYXJlbnRTdHlsZSI6bnVsbH0sIlBhcmVudFN0eWxlIjp7IiRyZWYiOiI5MyJ9fSwiSG9yaXpvbnRhbENvbm5lY3RvclN0eWxlIjp7IiRpZCI6IjMzNyIsIkxpbmVDb2xvciI6eyIkcmVmIjoiMTAxIn0sIkxpbmVXZWlnaHQiOjEuMCwiTGluZVR5cGUiOjAsIlBhcmVudFN0eWxlIjp7IiRyZWYiOiIxMDAifX0sIlZlcnRpY2FsQ29ubmVjdG9yU3R5bGUiOnsiJGlkIjoiMzM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M5IiwiTWFyZ2luIjp7IiRyZWYiOiIxMDcifSwiUGFkZGluZyI6eyIkcmVmIjoiMTA4In0sIkJhY2tncm91bmQiOnsiJHJlZiI6IjEwOSJ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YifX0sIlRpdGxlU3R5bGUiOnsiJGlkIjoiMzQzIiwiRm9udFNldHRpbmdzIjp7IiRpZCI6IjM0N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VN0eWxlIjp7IiRpZCI6IjM0NiIsIkZvbnRTZXR0aW5ncyI6eyIkaWQiOiIzNDciLCJGb250U2l6ZSI6MTAsIkZvbnROYW1lIjoiQ2FsaWJyaSIsIklzQm9sZCI6ZmFsc2UsIklzSXRhbGljIjpmYWxzZSwiSXNVbmRlcmxpbmVkIjpmYWxzZSwiUGFyZW50U3R5bGUiOnsiJHJlZiI6IjEyMiJ9fSwiQXV0b1NpemUiOjAsIkZvcmVncm91bmQiOnsiJGlkIjoiMzQ4IiwiQ29sb3IiOnsiJGlkIjoiMz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A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1NSIsIkxpbmVDb2xvciI6bnVsbCwiTGluZVdlaWdodCI6MC4wLCJMaW5lVHlwZSI6MCwiUGFyZW50U3R5bGUiOm51bGx9LCJQYXJlbnRTdHlsZSI6eyIkcmVmIjoiODYifX0sIkR1cmF0aW9uU3R5bGUiOnsiJGlkIjoiMzU2IiwiRm9udFNldHRpbmdzIjp7IiRpZCI6IjM1NyIsIkZvbnRTaXplIjoxMCwiRm9udE5hbWUiOiJDYWxpYnJpIiwiSXNCb2xkIjpmYWxzZSwiSXNJdGFsaWMiOmZhbHNlLCJJc1VuZGVybGluZWQiOmZhbHNlLCJQYXJlbnRTdHlsZSI6eyIkcmVmIjoiOTQifX0sIkF1dG9TaXplIjowLCJGb3JlZ3JvdW5kIjp7IiRpZCI6IjM1OCIsIkNvbG9yIjp7IiRpZCI6IjM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wIiwiTGluZUNvbG9yIjpudWxsLCJMaW5lV2VpZ2h0IjowLjAsIkxpbmVUeXBlIjowLCJQYXJlbnRTdHlsZSI6bnVsbH0sIlBhcmVudFN0eWxlIjp7IiRyZWYiOiI5MyJ9fSwiSG9yaXpvbnRhbENvbm5lY3RvclN0eWxlIjp7IiRpZCI6IjM2MSIsIkxpbmVDb2xvciI6eyIkcmVmIjoiMTAxIn0sIkxpbmVXZWlnaHQiOjEuMCwiTGluZVR5cGUiOjAsIlBhcmVudFN0eWxlIjp7IiRyZWYiOiIxMDAifX0sIlZlcnRpY2FsQ29ubmVjdG9yU3R5bGUiOnsiJGlkIjoiMz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zIiwiTWFyZ2luIjp7IiRyZWYiOiIxMDcifSwiUGFkZGluZyI6eyIkaWQiOiIzNjQiLCJUb3AiOjAsIkxlZnQiOjAsIlJpZ2h0IjoyLCJCb3R0b20iOjB9LCJCYWNrZ3JvdW5kIjp7IiRpZCI6IjM2NSIsIkNvbG9yIjp7IiRpZCI6IjM2NiIsIkEiOjI1NSwiUiI6MTU1LCJHIjoxODcsIkIiOjg5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nsiJHJlZiI6IjEwNiJ9fSwiVGl0bGVTdHlsZSI6eyIkaWQiOiIzNzAiLCJGb250U2V0dGluZ3MiOnsiJGlkIjoiMzcxIiwiRm9udFNpemUiOjExLCJGb250TmFtZSI6IkNhbGlicmkiLCJJc0JvbGQiOnRydWUsIklzSXRhbGljIjpmYWxzZSwiSXNVbmRlcmxpbmVkIjpmYWxzZSwiUGFyZW50U3R5bGUiOnsiJHJlZiI6IjExNSJ9fSwiQXV0b1NpemUiOjAsIkZvcmVncm91bmQiOnsiJHJlZiI6IjExNiJ9LCJNYXhXaWR0aCI6MjguOTA0NTY3NzE4NTA1ODU5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3MiIsIkxpbmVDb2xvciI6bnVsbCwiTGluZVdlaWdodCI6MC4wLCJMaW5lVHlwZSI6MCwiUGFyZW50U3R5bGUiOm51bGx9LCJQYXJlbnRTdHlsZSI6eyIkcmVmIjoiMTE0In19LCJEYXRlU3R5bGUiOnsiJGlkIjoiMzczIiwiRm9udFNldHRpbmdzIjp7IiRpZCI6IjM3NCIsIkZvbnRTaXplIjoxMCwiRm9udE5hbWUiOiJDYWxpYnJpIiwiSXNCb2xkIjpmYWxzZSwiSXNJdGFsaWMiOmZhbHNlLCJJc1VuZGVybGluZWQiOmZhbHNlLCJQYXJlbnRTdHlsZSI6eyIkcmVmIjoiMTIyIn19LCJBdXRvU2l6ZSI6MCwiRm9yZWdyb3VuZCI6eyIkaWQiOiIzNzUiLCJDb2xvciI6eyIkaWQiOiIz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zO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F46216B-77A9-411A-B9D3-5023FCB70208}"/>
    </a:ext>
  </a:extLst>
</a:theme>
</file>

<file path=ppt/theme/theme2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0</Words>
  <Application>Microsoft Office PowerPoint</Application>
  <PresentationFormat>Widescreen</PresentationFormat>
  <Paragraphs>143</Paragraphs>
  <Slides>1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Calibri</vt:lpstr>
      <vt:lpstr>Calibri Light</vt:lpstr>
      <vt:lpstr>Cambria</vt:lpstr>
      <vt:lpstr>Symbol</vt:lpstr>
      <vt:lpstr>Titillium Web</vt:lpstr>
      <vt:lpstr>Office Theme</vt:lpstr>
      <vt:lpstr>Office Theme</vt:lpstr>
      <vt:lpstr>Beyond Vision</vt:lpstr>
      <vt:lpstr>Steganography</vt:lpstr>
      <vt:lpstr>Benefits of steganography</vt:lpstr>
      <vt:lpstr>Benefits of steganography</vt:lpstr>
      <vt:lpstr>Is steganography really useful?</vt:lpstr>
      <vt:lpstr>My solution</vt:lpstr>
      <vt:lpstr>Linux Kernel for Zybo ARM processor</vt:lpstr>
      <vt:lpstr>PowerPoint Presentation</vt:lpstr>
      <vt:lpstr>PowerPoint Presentation</vt:lpstr>
      <vt:lpstr>PowerPoint Presentation</vt:lpstr>
      <vt:lpstr>PowerPoint Presentation</vt:lpstr>
      <vt:lpstr>Performance  &gt; 300% faster</vt:lpstr>
      <vt:lpstr>Comparison</vt:lpstr>
      <vt:lpstr>PowerPoint Presentation</vt:lpstr>
      <vt:lpstr>PowerPoint Presentation</vt:lpstr>
      <vt:lpstr>PowerPoint Presentation</vt:lpstr>
      <vt:lpstr>Further developme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yond Vision</dc:title>
  <dc:creator>Beniamin Bia</dc:creator>
  <cp:lastModifiedBy>Beniamin Bia</cp:lastModifiedBy>
  <cp:revision>1</cp:revision>
  <dcterms:created xsi:type="dcterms:W3CDTF">2019-05-05T19:44:10Z</dcterms:created>
  <dcterms:modified xsi:type="dcterms:W3CDTF">2019-05-05T19:44:13Z</dcterms:modified>
</cp:coreProperties>
</file>